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203\13_認可G\11_私立学校名簿\R8\HP公開（完成版）\施行文書案（通知文書等）\"/>
    </mc:Choice>
  </mc:AlternateContent>
  <xr:revisionPtr revIDLastSave="0" documentId="13_ncr:1_{727C39FC-C8E0-4936-AE63-350C1AB2C61E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幼稚園" sheetId="1" r:id="rId1"/>
    <sheet name="小学校" sheetId="2" r:id="rId2"/>
    <sheet name="中学校" sheetId="3" r:id="rId3"/>
    <sheet name="義務教育学校" sheetId="9" r:id="rId4"/>
    <sheet name="高等学校" sheetId="4" r:id="rId5"/>
    <sheet name="中等教育学校" sheetId="5" r:id="rId6"/>
    <sheet name="特別支援学校" sheetId="6" r:id="rId7"/>
    <sheet name="専修学校" sheetId="8" r:id="rId8"/>
    <sheet name="各種学校" sheetId="7" r:id="rId9"/>
  </sheets>
  <definedNames>
    <definedName name="_xlnm._FilterDatabase" localSheetId="7" hidden="1">専修学校!$B$1:$H$203</definedName>
    <definedName name="_xlnm._FilterDatabase" localSheetId="0" hidden="1">幼稚園!$C$1:$C$1109</definedName>
    <definedName name="_xlnm.Print_Area" localSheetId="8">各種学校!$A$1:$F$23</definedName>
    <definedName name="_xlnm.Print_Area" localSheetId="3">義務教育学校!$B$1:$H$3</definedName>
    <definedName name="_xlnm.Print_Area" localSheetId="4">高等学校!$B$1:$J$165</definedName>
    <definedName name="_xlnm.Print_Area" localSheetId="7">専修学校!$B$1:$H$207</definedName>
    <definedName name="_xlnm.Print_Area" localSheetId="2">中学校!$B$1:$H$119</definedName>
    <definedName name="_xlnm.Print_Area" localSheetId="5">中等教育学校!$A$1:$H$5</definedName>
    <definedName name="_xlnm.Print_Area" localSheetId="0">幼稚園!$B$1:$H$1089</definedName>
    <definedName name="_xlnm.Print_Titles" localSheetId="4">高等学校!$1:$1</definedName>
    <definedName name="_xlnm.Print_Titles" localSheetId="1">小学校!$1:$1</definedName>
    <definedName name="_xlnm.Print_Titles" localSheetId="7">専修学校!$1:$1</definedName>
    <definedName name="_xlnm.Print_Titles" localSheetId="2">中学校!$1:$1</definedName>
    <definedName name="_xlnm.Print_Titles" localSheetId="0">幼稚園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883" uniqueCount="4909">
  <si>
    <t>市町村</t>
    <phoneticPr fontId="1"/>
  </si>
  <si>
    <t>郵便番号</t>
    <phoneticPr fontId="1"/>
  </si>
  <si>
    <t>所在地</t>
    <phoneticPr fontId="1"/>
  </si>
  <si>
    <t>電話番号</t>
    <phoneticPr fontId="1"/>
  </si>
  <si>
    <t>設置者名
代表者名</t>
    <rPh sb="5" eb="8">
      <t>ダイヒョウシャ</t>
    </rPh>
    <rPh sb="8" eb="9">
      <t>メイ</t>
    </rPh>
    <phoneticPr fontId="1"/>
  </si>
  <si>
    <t>園長名</t>
    <rPh sb="0" eb="2">
      <t>エンチョウ</t>
    </rPh>
    <rPh sb="2" eb="3">
      <t>メイ</t>
    </rPh>
    <phoneticPr fontId="1"/>
  </si>
  <si>
    <t>横浜市鶴見区</t>
  </si>
  <si>
    <t>飯山幼稚園</t>
  </si>
  <si>
    <t>〒230-0077</t>
  </si>
  <si>
    <t>横浜市鶴見区東寺尾４丁目16-19</t>
  </si>
  <si>
    <t>045-581-5756</t>
  </si>
  <si>
    <t>泉幼稚園</t>
  </si>
  <si>
    <t>〒230-0001</t>
  </si>
  <si>
    <t>横浜市鶴見区矢向５丁目3-25</t>
  </si>
  <si>
    <t>045-581-6846</t>
  </si>
  <si>
    <t>(学)泉学園</t>
  </si>
  <si>
    <t>潮田幼稚園</t>
  </si>
  <si>
    <t>〒230-0037</t>
  </si>
  <si>
    <t>横浜市鶴見区向井町３丁目72-7</t>
    <phoneticPr fontId="1"/>
  </si>
  <si>
    <t>045-501-6830</t>
  </si>
  <si>
    <t>(学)柳川学園</t>
  </si>
  <si>
    <t>桜ヶ丘幼稚園</t>
  </si>
  <si>
    <t>〒230-0016</t>
  </si>
  <si>
    <t>横浜市鶴見区東寺尾北台6-23</t>
  </si>
  <si>
    <t>045-581-6547</t>
  </si>
  <si>
    <t>(学)桜ヶ丘学園</t>
  </si>
  <si>
    <t>すみれが丘幼稚園</t>
  </si>
  <si>
    <t>〒230-0076</t>
  </si>
  <si>
    <t>横浜市鶴見区馬場７丁目29-3</t>
  </si>
  <si>
    <t>045-582-0231</t>
  </si>
  <si>
    <t>(学)阿部学園</t>
  </si>
  <si>
    <t>橘幼稚園</t>
  </si>
  <si>
    <t>〒230-0073</t>
  </si>
  <si>
    <t>横浜市鶴見区獅子ヶ谷１丁目10-5</t>
  </si>
  <si>
    <t>045-573-3132</t>
  </si>
  <si>
    <t>(学)橘学苑</t>
  </si>
  <si>
    <t>鶴見大学短期大学部附属三松幼稚園</t>
  </si>
  <si>
    <t>〒230-0063</t>
  </si>
  <si>
    <t>横浜市鶴見区鶴見２丁目1-3</t>
  </si>
  <si>
    <t>045-573-8819</t>
  </si>
  <si>
    <t>(学)総持学園</t>
  </si>
  <si>
    <t>双葉幼稚園</t>
    <phoneticPr fontId="1"/>
  </si>
  <si>
    <t>〒230-0011</t>
  </si>
  <si>
    <t>横浜市鶴見区上末吉１丁目18-8</t>
  </si>
  <si>
    <t>045-581-7596</t>
  </si>
  <si>
    <t>塩崎　達也</t>
    <rPh sb="3" eb="5">
      <t>タツヤ</t>
    </rPh>
    <phoneticPr fontId="1"/>
  </si>
  <si>
    <t>鶴見平和幼稚園</t>
  </si>
  <si>
    <t>〒230-0038</t>
  </si>
  <si>
    <t>横浜市鶴見区栄町通４丁目46-5</t>
  </si>
  <si>
    <t>045-502-5050</t>
  </si>
  <si>
    <t>(学)鶴見平和学園</t>
  </si>
  <si>
    <t>寺尾幼稚園</t>
    <phoneticPr fontId="1"/>
  </si>
  <si>
    <t>〒230-0074</t>
  </si>
  <si>
    <t>横浜市鶴見区北寺尾６丁目11-9</t>
  </si>
  <si>
    <t>045-571-4956</t>
  </si>
  <si>
    <t>(学)亀井学園</t>
  </si>
  <si>
    <t>東寺尾幼稚園</t>
  </si>
  <si>
    <t>〒230-0017</t>
  </si>
  <si>
    <t>横浜市鶴見区東寺尾中台26-25</t>
  </si>
  <si>
    <t>045-581-2283</t>
  </si>
  <si>
    <t>(学)咲学園</t>
  </si>
  <si>
    <t>三ツ池幼稚園</t>
  </si>
  <si>
    <t>〒230-0072</t>
  </si>
  <si>
    <t>横浜市鶴見区梶山１丁目11-6</t>
  </si>
  <si>
    <t>045-574-0396</t>
  </si>
  <si>
    <t>(学)三ッ池幼稚園</t>
  </si>
  <si>
    <t>矢向幼稚園</t>
  </si>
  <si>
    <t>横浜市鶴見区矢向４丁目22-38</t>
  </si>
  <si>
    <t>045-581-5410</t>
  </si>
  <si>
    <t>佐合　英子</t>
    <rPh sb="3" eb="5">
      <t>エイコ</t>
    </rPh>
    <phoneticPr fontId="1"/>
  </si>
  <si>
    <t>やよいヶ丘幼稚園</t>
  </si>
  <si>
    <t>横浜市鶴見区馬場２丁目5-55</t>
  </si>
  <si>
    <t>045-571-1452</t>
  </si>
  <si>
    <t>(学)誠峰学園</t>
  </si>
  <si>
    <t>横浜市神奈川区</t>
  </si>
  <si>
    <t>一之宮幼稚園</t>
  </si>
  <si>
    <t>〒221-0014</t>
  </si>
  <si>
    <t>横浜市神奈川区入江１丁目13-16</t>
  </si>
  <si>
    <t>045-431-1038</t>
  </si>
  <si>
    <t>(宗)一之宮社</t>
  </si>
  <si>
    <t>神奈川幼稚園</t>
  </si>
  <si>
    <t>〒221-0832</t>
  </si>
  <si>
    <t>横浜市神奈川区桐畑17-8</t>
  </si>
  <si>
    <t>045-321-5392</t>
  </si>
  <si>
    <t>(宗)日本基督教団神奈川教会</t>
  </si>
  <si>
    <t>神大寺幼稚園</t>
  </si>
  <si>
    <t>〒221-0801</t>
  </si>
  <si>
    <t>横浜市神奈川区神大寺２丁目32-21</t>
  </si>
  <si>
    <t>045-481-5002</t>
  </si>
  <si>
    <t>(学)北村文化学園</t>
  </si>
  <si>
    <t>銀嶺幼稚園</t>
  </si>
  <si>
    <t>〒221-0005</t>
  </si>
  <si>
    <t>横浜市神奈川区松見町２丁目376</t>
  </si>
  <si>
    <t>045-421-0808</t>
  </si>
  <si>
    <t>(学)尾﨑學院</t>
  </si>
  <si>
    <t>京浜横浜幼稚園</t>
  </si>
  <si>
    <t>〒221-0004</t>
  </si>
  <si>
    <t>横浜市神奈川区西大口28</t>
  </si>
  <si>
    <t>045-421-3124</t>
  </si>
  <si>
    <t>(学)堀井学園</t>
  </si>
  <si>
    <t>幸ケ谷幼稚園</t>
  </si>
  <si>
    <t>〒221-0051</t>
  </si>
  <si>
    <t>横浜市神奈川区幸ヶ谷2-6</t>
  </si>
  <si>
    <t>045-441-0019</t>
  </si>
  <si>
    <t>(学)横浜アイリス学園</t>
  </si>
  <si>
    <t>白幡幼稚園</t>
  </si>
  <si>
    <t>〒221-0075</t>
  </si>
  <si>
    <t>横浜市神奈川区白幡上町17-26</t>
  </si>
  <si>
    <t>045-421-3654</t>
  </si>
  <si>
    <t>ニューライフ幼稚園</t>
  </si>
  <si>
    <t>〒221-0065</t>
  </si>
  <si>
    <t>横浜市神奈川区白楽109-4</t>
  </si>
  <si>
    <t>045-432-0640</t>
  </si>
  <si>
    <t>(学)ニューライフ学園</t>
  </si>
  <si>
    <t>羽沢幼稚園</t>
  </si>
  <si>
    <t>〒221-0863</t>
  </si>
  <si>
    <t>横浜市神奈川区羽沢町1213</t>
  </si>
  <si>
    <t>045-383-2711</t>
  </si>
  <si>
    <t>(学)越川学園</t>
  </si>
  <si>
    <t>三ツ沢幼稚園</t>
  </si>
  <si>
    <t>〒221-0854</t>
  </si>
  <si>
    <t>横浜市神奈川区三ツ沢南町18-7</t>
  </si>
  <si>
    <t>045-311-2833</t>
  </si>
  <si>
    <t>寺山  民江</t>
  </si>
  <si>
    <t>横浜孝道幼稚園</t>
  </si>
  <si>
    <t>〒221-0064</t>
  </si>
  <si>
    <t>横浜市神奈川区鳥越23</t>
    <phoneticPr fontId="1"/>
  </si>
  <si>
    <t>045-432-1555</t>
  </si>
  <si>
    <t>(宗)孝道山本仏殿</t>
  </si>
  <si>
    <t>代表役員　草野　貞男</t>
    <rPh sb="0" eb="2">
      <t>ダイヒョウ</t>
    </rPh>
    <rPh sb="2" eb="4">
      <t>ヤクイン</t>
    </rPh>
    <rPh sb="5" eb="7">
      <t>クサノ</t>
    </rPh>
    <rPh sb="8" eb="10">
      <t>サダオ</t>
    </rPh>
    <phoneticPr fontId="1"/>
  </si>
  <si>
    <t>横浜市西区</t>
  </si>
  <si>
    <t>霞ケ丘幼稚園</t>
  </si>
  <si>
    <t>〒220-0035</t>
  </si>
  <si>
    <t>横浜市西区霞ヶ丘51</t>
  </si>
  <si>
    <t>045-231-7482</t>
  </si>
  <si>
    <t>(学)霞ヶ丘学園</t>
  </si>
  <si>
    <t>松下　信</t>
    <rPh sb="0" eb="2">
      <t>マツシタ</t>
    </rPh>
    <rPh sb="3" eb="4">
      <t>シン</t>
    </rPh>
    <phoneticPr fontId="4"/>
  </si>
  <si>
    <t>喜田川  ルツ子</t>
  </si>
  <si>
    <t>杉之子幼稚園</t>
  </si>
  <si>
    <t>〒220-0051</t>
  </si>
  <si>
    <t>横浜市西区中央１丁目16-2</t>
  </si>
  <si>
    <t>045-321-7827</t>
  </si>
  <si>
    <t>(学)石川学園</t>
  </si>
  <si>
    <t>戸部幼稚園</t>
  </si>
  <si>
    <t>〒220-0043</t>
  </si>
  <si>
    <t>横浜市西区御所山町10</t>
  </si>
  <si>
    <t>045-241-5992</t>
  </si>
  <si>
    <t>(学)長谷川学園</t>
  </si>
  <si>
    <t>野毛山幼稚園</t>
  </si>
  <si>
    <t>〒220-0032</t>
  </si>
  <si>
    <t>横浜市西区老松町30</t>
  </si>
  <si>
    <t>045-231-0150</t>
  </si>
  <si>
    <t>(学)野毛山学園</t>
  </si>
  <si>
    <t>ばらの幼稚園</t>
  </si>
  <si>
    <t>〒220-0046</t>
  </si>
  <si>
    <t>横浜市西区西戸部町３丁目291</t>
  </si>
  <si>
    <t>045-231-3722</t>
  </si>
  <si>
    <t>(宗)願成寺</t>
  </si>
  <si>
    <t>藤棚幼稚園</t>
  </si>
  <si>
    <t>〒220-0053</t>
  </si>
  <si>
    <t>横浜市西区藤棚町１丁目31</t>
  </si>
  <si>
    <t>045-231-4628</t>
  </si>
  <si>
    <t>(学)藤棚学園</t>
    <rPh sb="3" eb="5">
      <t>フジダナ</t>
    </rPh>
    <phoneticPr fontId="1"/>
  </si>
  <si>
    <t>横浜愛隣幼稚園</t>
  </si>
  <si>
    <t>横浜市西区西戸部町２丁目144</t>
  </si>
  <si>
    <t>045-231-8065</t>
  </si>
  <si>
    <t>(宗)日本基督教団横浜上原教会</t>
  </si>
  <si>
    <t>横浜市中区</t>
  </si>
  <si>
    <t>アソカ幼稚園</t>
  </si>
  <si>
    <t>〒231-0802</t>
  </si>
  <si>
    <t>横浜市中区小港町３丁目179</t>
  </si>
  <si>
    <t>045-228-8800</t>
    <phoneticPr fontId="1"/>
  </si>
  <si>
    <t>(学)マーヤ学園</t>
    <rPh sb="1" eb="2">
      <t>ガク</t>
    </rPh>
    <rPh sb="6" eb="8">
      <t>ガクエン</t>
    </rPh>
    <phoneticPr fontId="1"/>
  </si>
  <si>
    <t>早苗幼稚園</t>
  </si>
  <si>
    <t>〒231-0806</t>
  </si>
  <si>
    <t>横浜市中区本牧町１丁目84</t>
  </si>
  <si>
    <t>045-622-7182</t>
  </si>
  <si>
    <t>(宗)日本基督教団横浜本牧教会</t>
  </si>
  <si>
    <t>さゆり幼稚園</t>
  </si>
  <si>
    <t>〒231-0837</t>
  </si>
  <si>
    <t>横浜市中区滝之上2</t>
  </si>
  <si>
    <t>(学)聖マリア学園</t>
  </si>
  <si>
    <t>聖母幼稚園</t>
  </si>
  <si>
    <t>〒231-0055</t>
  </si>
  <si>
    <t>横浜市中区末吉町１丁目13</t>
  </si>
  <si>
    <t>045-261-7351</t>
  </si>
  <si>
    <t>(学)聖トマ学園</t>
  </si>
  <si>
    <t>本牧めぐみ幼稚園</t>
  </si>
  <si>
    <t>〒231-0824</t>
  </si>
  <si>
    <t>横浜市中区本牧三之谷26-9</t>
  </si>
  <si>
    <t>045-621-0550</t>
  </si>
  <si>
    <t>(宗)日本基督教団本牧めぐみ教会</t>
  </si>
  <si>
    <t>横浜学院幼稚園</t>
  </si>
  <si>
    <t>〒231-8661</t>
  </si>
  <si>
    <t>横浜市中区山手町203</t>
  </si>
  <si>
    <t>045-641-3825</t>
  </si>
  <si>
    <t>(学)横浜学院</t>
  </si>
  <si>
    <t>横浜学園附属元町幼稚園</t>
  </si>
  <si>
    <t>〒231-0861</t>
  </si>
  <si>
    <t>横浜市中区元町４丁目154</t>
  </si>
  <si>
    <t>045-641-1330</t>
  </si>
  <si>
    <t>(学)横浜学園</t>
  </si>
  <si>
    <t>横浜三育幼稚園</t>
  </si>
  <si>
    <t>〒231-0862</t>
  </si>
  <si>
    <t>横浜市中区山手町32</t>
  </si>
  <si>
    <t>045-641-1903</t>
  </si>
  <si>
    <t>(学)三育学院</t>
  </si>
  <si>
    <t>横浜みこころ幼稚園</t>
  </si>
  <si>
    <t>〒231-8652</t>
  </si>
  <si>
    <t>横浜市中区山手町44</t>
  </si>
  <si>
    <t>045-641-0902</t>
  </si>
  <si>
    <t>ルンビニ幼稚園</t>
  </si>
  <si>
    <t>〒231-0822</t>
  </si>
  <si>
    <t>横浜市中区本牧元町2-16</t>
  </si>
  <si>
    <t>045-621-2013</t>
    <phoneticPr fontId="1"/>
  </si>
  <si>
    <t>(学)多聞学院</t>
    <rPh sb="1" eb="2">
      <t>ガク</t>
    </rPh>
    <rPh sb="5" eb="6">
      <t>マナ</t>
    </rPh>
    <phoneticPr fontId="1"/>
  </si>
  <si>
    <t>和光幼稚園</t>
  </si>
  <si>
    <t>〒231-0812</t>
  </si>
  <si>
    <t>横浜市中区錦町5</t>
  </si>
  <si>
    <t>045-622-2173</t>
  </si>
  <si>
    <t>(学)三宝学園</t>
  </si>
  <si>
    <t>〒231-0024</t>
    <phoneticPr fontId="1"/>
  </si>
  <si>
    <t>横浜市中区吉浜町2-66</t>
    <phoneticPr fontId="1"/>
  </si>
  <si>
    <t>045-641-0472　</t>
    <phoneticPr fontId="1"/>
  </si>
  <si>
    <t>(学)横浜山手中華学園</t>
    <rPh sb="3" eb="5">
      <t>ヨコハマ</t>
    </rPh>
    <rPh sb="5" eb="7">
      <t>ヤマテ</t>
    </rPh>
    <rPh sb="7" eb="9">
      <t>チュウカ</t>
    </rPh>
    <phoneticPr fontId="1"/>
  </si>
  <si>
    <t>横浜市南区</t>
  </si>
  <si>
    <t>井土ケ谷幼稚園</t>
  </si>
  <si>
    <t>〒232-0051</t>
  </si>
  <si>
    <t>横浜市南区井土ケ谷上町33-1</t>
  </si>
  <si>
    <t>045-742-2221</t>
  </si>
  <si>
    <t>(宗)乗蓮寺</t>
  </si>
  <si>
    <t>お三の宮日枝幼稚園</t>
  </si>
  <si>
    <t>〒232-0013</t>
  </si>
  <si>
    <t>横浜市南区山王町５丁目37</t>
  </si>
  <si>
    <t>(学)お三の宮学園</t>
  </si>
  <si>
    <t>玉泉寺幼稚園</t>
  </si>
  <si>
    <t>〒232-0033</t>
  </si>
  <si>
    <t>横浜市南区中村町１丁目6-1</t>
  </si>
  <si>
    <t>045-261-0609</t>
  </si>
  <si>
    <t>(宗)玉泉寺</t>
  </si>
  <si>
    <t>くるみ幼稚園</t>
  </si>
  <si>
    <t>〒232-0063</t>
  </si>
  <si>
    <t>横浜市南区中里１丁目20-2</t>
  </si>
  <si>
    <t>045-731-1646</t>
  </si>
  <si>
    <t>(宗)堀之内稲荷神社</t>
  </si>
  <si>
    <t>三星幼稚園</t>
  </si>
  <si>
    <t>〒232-0042</t>
  </si>
  <si>
    <t>横浜市南区堀ノ内町２丁目211</t>
  </si>
  <si>
    <t>045-731-2848</t>
  </si>
  <si>
    <t>(学)もんえい学園</t>
    <phoneticPr fontId="1"/>
  </si>
  <si>
    <t>横浜英和幼稚園</t>
  </si>
  <si>
    <t>〒232-8580</t>
  </si>
  <si>
    <t>045-731-2864</t>
    <phoneticPr fontId="1"/>
  </si>
  <si>
    <t>(学)横浜英和学院</t>
  </si>
  <si>
    <t>〒232-0066</t>
  </si>
  <si>
    <t>南白ゆり幼稚園</t>
  </si>
  <si>
    <t>横浜市南区六ツ川３丁目4-23</t>
  </si>
  <si>
    <t>045-711-2903</t>
  </si>
  <si>
    <t>(学)南白ゆり学園</t>
  </si>
  <si>
    <t>南聖心幼稚園</t>
  </si>
  <si>
    <t>〒232-0071</t>
  </si>
  <si>
    <t>横浜市南区永田北２丁目3-26</t>
  </si>
  <si>
    <t>045-713-4044</t>
  </si>
  <si>
    <t>(学)教立学院</t>
  </si>
  <si>
    <t>南若宮幼稚園</t>
  </si>
  <si>
    <t>〒232-0061</t>
  </si>
  <si>
    <t>横浜市南区大岡１丁目5-1</t>
  </si>
  <si>
    <t>045-731-5913</t>
  </si>
  <si>
    <t>宝積  利子</t>
  </si>
  <si>
    <t>横浜白山幼稚園</t>
  </si>
  <si>
    <t>〒232-0064</t>
  </si>
  <si>
    <t>横浜市南区別所２丁目30-29</t>
  </si>
  <si>
    <t>045-731-2412</t>
  </si>
  <si>
    <t>(宗)白山社</t>
  </si>
  <si>
    <t>横浜れんげ幼稚園</t>
  </si>
  <si>
    <t>〒232-0002</t>
  </si>
  <si>
    <t>横浜市南区三春台19</t>
  </si>
  <si>
    <t>045-231-0290</t>
  </si>
  <si>
    <t>(学)蓮花学園</t>
  </si>
  <si>
    <t>横浜市南区</t>
    <rPh sb="0" eb="3">
      <t>ヨコハマシ</t>
    </rPh>
    <phoneticPr fontId="1"/>
  </si>
  <si>
    <t>白百合光の子幼稚園</t>
    <rPh sb="0" eb="3">
      <t>シラユリ</t>
    </rPh>
    <rPh sb="3" eb="4">
      <t>ヒカリ</t>
    </rPh>
    <rPh sb="5" eb="6">
      <t>コ</t>
    </rPh>
    <rPh sb="6" eb="9">
      <t>ヨウチエン</t>
    </rPh>
    <phoneticPr fontId="1"/>
  </si>
  <si>
    <t>〒232-0006</t>
    <phoneticPr fontId="1"/>
  </si>
  <si>
    <t>横浜市南区南太田1-37-10</t>
    <rPh sb="0" eb="3">
      <t>ヨコハマシ</t>
    </rPh>
    <rPh sb="3" eb="5">
      <t>ミナミク</t>
    </rPh>
    <rPh sb="5" eb="8">
      <t>ミナミオオタ</t>
    </rPh>
    <phoneticPr fontId="1"/>
  </si>
  <si>
    <t>045-713-8703</t>
    <phoneticPr fontId="1"/>
  </si>
  <si>
    <t>(学)清水ヶ丘教会学園</t>
    <rPh sb="1" eb="2">
      <t>ガク</t>
    </rPh>
    <rPh sb="3" eb="7">
      <t>シミズガオカ</t>
    </rPh>
    <rPh sb="7" eb="9">
      <t>キョウカイ</t>
    </rPh>
    <rPh sb="9" eb="11">
      <t>ガクエン</t>
    </rPh>
    <phoneticPr fontId="1"/>
  </si>
  <si>
    <t>横浜市保土ヶ谷区</t>
  </si>
  <si>
    <t>青葉幼稚園</t>
  </si>
  <si>
    <t>〒240-0064</t>
  </si>
  <si>
    <t>横浜市保土ヶ谷区峰岡町３丁目448</t>
  </si>
  <si>
    <t>(学)青葉学園</t>
  </si>
  <si>
    <t>岩崎学園附属幼稚園</t>
  </si>
  <si>
    <t>〒240-0046</t>
    <phoneticPr fontId="1"/>
  </si>
  <si>
    <t>横浜市保土ヶ谷区仏向西30-17</t>
    <rPh sb="10" eb="11">
      <t>ニシ</t>
    </rPh>
    <phoneticPr fontId="1"/>
  </si>
  <si>
    <t>045-335-2244</t>
  </si>
  <si>
    <t>(学)岩崎学園</t>
  </si>
  <si>
    <t>上星川幼稚園</t>
  </si>
  <si>
    <t>〒240-0042</t>
  </si>
  <si>
    <t>横浜市保土ヶ谷区上星川１丁目12-1</t>
  </si>
  <si>
    <t>045-381-0705</t>
  </si>
  <si>
    <t>(学)上星川学院</t>
  </si>
  <si>
    <t>境木幼稚園</t>
  </si>
  <si>
    <t>〒240-0034</t>
  </si>
  <si>
    <t>横浜市保土ヶ谷区境木町103</t>
  </si>
  <si>
    <t>045-351-6622</t>
  </si>
  <si>
    <t>(学)難波学園</t>
  </si>
  <si>
    <t>スカイハイツ幼稚園</t>
  </si>
  <si>
    <t>〒240-0003</t>
  </si>
  <si>
    <t>横浜市保土ヶ谷区天王町２丁目50-1</t>
  </si>
  <si>
    <t>045-335-6001</t>
  </si>
  <si>
    <t>(学)初音丘学園</t>
  </si>
  <si>
    <t>セント・メリー幼稚園</t>
  </si>
  <si>
    <t>〒240-0012</t>
  </si>
  <si>
    <t>横浜市保土ヶ谷区月見台34-6</t>
  </si>
  <si>
    <t>045-331-2952</t>
  </si>
  <si>
    <t>(学)星和学園</t>
  </si>
  <si>
    <t>仲よし幼稚園</t>
  </si>
  <si>
    <t>〒240-0024</t>
  </si>
  <si>
    <t>横浜市保土ヶ谷区瀬戸ヶ谷町138</t>
  </si>
  <si>
    <t>045-741-5749</t>
  </si>
  <si>
    <t>(学)田口学園</t>
  </si>
  <si>
    <t>初音丘幼稚園</t>
  </si>
  <si>
    <t>〒240-0016</t>
  </si>
  <si>
    <t>横浜市保土ヶ谷区初音ヶ丘42-2</t>
  </si>
  <si>
    <t>045-331-3377</t>
  </si>
  <si>
    <t>保土ヶ谷幼稚園</t>
  </si>
  <si>
    <t>〒240-0011</t>
  </si>
  <si>
    <t>横浜市保土ヶ谷区桜ヶ丘２丁目3-24</t>
  </si>
  <si>
    <t>045-331-3231</t>
  </si>
  <si>
    <t>(学)保土ヶ谷学園</t>
  </si>
  <si>
    <t>〒240-0005</t>
  </si>
  <si>
    <t>向原幼稚園</t>
  </si>
  <si>
    <t>〒240-0044</t>
  </si>
  <si>
    <t>横浜市保土ヶ谷区仏向町945</t>
  </si>
  <si>
    <t>045-331-5523</t>
  </si>
  <si>
    <t>(学)子どもの森学園</t>
  </si>
  <si>
    <t>立正幼稚園</t>
  </si>
  <si>
    <t>横浜市保土ヶ谷区神戸町98-2</t>
  </si>
  <si>
    <t>045-331-9653</t>
  </si>
  <si>
    <t>(宗)大蓮寺</t>
  </si>
  <si>
    <t>立正桜ケ丘幼稚園</t>
  </si>
  <si>
    <t>〒240-0036</t>
  </si>
  <si>
    <t>横浜市保土ヶ谷区新桜ヶ丘１丁目22-2</t>
  </si>
  <si>
    <t>045-353-2640</t>
  </si>
  <si>
    <t>(学)大蓮寺学園</t>
  </si>
  <si>
    <t>若草幼稚園</t>
  </si>
  <si>
    <t>〒240-0063</t>
  </si>
  <si>
    <t>横浜市保土ヶ谷区鎌谷町26</t>
  </si>
  <si>
    <t>045-331-5490</t>
  </si>
  <si>
    <t>(学)横浜石川学園</t>
  </si>
  <si>
    <t>横浜市磯子区</t>
  </si>
  <si>
    <t>育美幼稚園</t>
  </si>
  <si>
    <t>〒235-0021</t>
  </si>
  <si>
    <t>横浜市磯子区岡村４丁目26-7</t>
  </si>
  <si>
    <t>045-753-1569</t>
  </si>
  <si>
    <t>(学)育美学園</t>
  </si>
  <si>
    <t>岩崎学園附属磯子幼稚園</t>
  </si>
  <si>
    <t>〒235-0035</t>
  </si>
  <si>
    <t>横浜市磯子区田中１丁目11-5</t>
  </si>
  <si>
    <t>045-772-2244</t>
  </si>
  <si>
    <t>〒235-0045</t>
  </si>
  <si>
    <t>上中里幼稚園</t>
  </si>
  <si>
    <t>〒235-0042</t>
  </si>
  <si>
    <t>横浜市磯子区上中里町1032</t>
  </si>
  <si>
    <t>045-773-5570</t>
  </si>
  <si>
    <t>(学)隨縁寺学園</t>
  </si>
  <si>
    <t>汐見台中央幼稚園</t>
  </si>
  <si>
    <t>〒235-0022</t>
  </si>
  <si>
    <t>横浜市磯子区汐見台２丁目8</t>
  </si>
  <si>
    <t>045-751-2424</t>
  </si>
  <si>
    <t>(学)神奈川県住宅福祉学園</t>
  </si>
  <si>
    <t>汐見台西幼稚園</t>
  </si>
  <si>
    <t>横浜市磯子区汐見台３丁目3</t>
  </si>
  <si>
    <t>045-761-4154</t>
  </si>
  <si>
    <t>汐見台東幼稚園</t>
  </si>
  <si>
    <t>横浜市磯子区汐見台２丁目1</t>
  </si>
  <si>
    <t>045-761-5778</t>
  </si>
  <si>
    <t>中原幼稚園</t>
  </si>
  <si>
    <t>〒235-0036</t>
  </si>
  <si>
    <t>横浜市磯子区中原２丁目13-12</t>
  </si>
  <si>
    <t>045-771-3968</t>
  </si>
  <si>
    <t>(宗)願行寺</t>
  </si>
  <si>
    <t>根岸幼稚園</t>
  </si>
  <si>
    <t>〒235-0007</t>
  </si>
  <si>
    <t>横浜市磯子区西町1-1</t>
  </si>
  <si>
    <t>045-753-6682</t>
    <phoneticPr fontId="1"/>
  </si>
  <si>
    <t>(宗)八幡神社</t>
  </si>
  <si>
    <t>八幡橋幼稚園</t>
  </si>
  <si>
    <t>〒235-0008</t>
  </si>
  <si>
    <t>横浜市磯子区原町11-2</t>
  </si>
  <si>
    <t>045-751-7713</t>
  </si>
  <si>
    <t>(学)聖ヶ丘学園</t>
  </si>
  <si>
    <t>横浜女子短期大学附属幼稚園</t>
  </si>
  <si>
    <t>横浜市磯子区洋光台３丁目3-30</t>
  </si>
  <si>
    <t>045-833-0867</t>
  </si>
  <si>
    <t>(学)白峰学園</t>
  </si>
  <si>
    <t>横浜市金沢区</t>
  </si>
  <si>
    <t>あけぼの幼稚園</t>
  </si>
  <si>
    <t>〒236-0051</t>
  </si>
  <si>
    <t>横浜市金沢区富岡東２丁目5-21</t>
  </si>
  <si>
    <t>045-774-2882</t>
  </si>
  <si>
    <t>(学)富岡中央学園</t>
  </si>
  <si>
    <t>あさひな幼稚園</t>
  </si>
  <si>
    <t>〒236-0033</t>
  </si>
  <si>
    <t>横浜市金沢区東朝比奈２丁目54-13</t>
  </si>
  <si>
    <t>045-784-1152</t>
  </si>
  <si>
    <t>カナリヤ幼稚園</t>
  </si>
  <si>
    <t>〒236-0046</t>
  </si>
  <si>
    <t>横浜市金沢区釜利谷西３丁目1-3</t>
  </si>
  <si>
    <t>045-783-1638</t>
  </si>
  <si>
    <t>(学)名取学園</t>
  </si>
  <si>
    <t>光輪幼稚園</t>
  </si>
  <si>
    <t>〒236-0023</t>
  </si>
  <si>
    <t>横浜市金沢区平潟町26-29</t>
  </si>
  <si>
    <t>045-781-8828</t>
  </si>
  <si>
    <t>こすもす幼稚園</t>
  </si>
  <si>
    <t>横浜市金沢区富岡東４丁目5-45</t>
  </si>
  <si>
    <t>045-773-9501</t>
  </si>
  <si>
    <t>金沢大道幼稚園</t>
    <rPh sb="0" eb="2">
      <t>カナザワ</t>
    </rPh>
    <phoneticPr fontId="1"/>
  </si>
  <si>
    <t>〒236-0022</t>
  </si>
  <si>
    <t>横浜市金沢区町屋町2-2</t>
    <rPh sb="6" eb="9">
      <t>マチヤチョウ</t>
    </rPh>
    <phoneticPr fontId="1"/>
  </si>
  <si>
    <t>045-781-5200</t>
  </si>
  <si>
    <t>吉田  道子</t>
  </si>
  <si>
    <t>天使幼稚園</t>
  </si>
  <si>
    <t>〒236-0015</t>
  </si>
  <si>
    <t>横浜市金沢区金沢町48</t>
  </si>
  <si>
    <t>045-701-9597</t>
  </si>
  <si>
    <t>並木幼稚園</t>
  </si>
  <si>
    <t>〒236-0005</t>
  </si>
  <si>
    <t>横浜市金沢区並木１丁目10-2</t>
  </si>
  <si>
    <t>045-772-1501</t>
  </si>
  <si>
    <t>(学)ミネルヴァ学園</t>
    <phoneticPr fontId="1"/>
  </si>
  <si>
    <t>フレンド幼稚園</t>
  </si>
  <si>
    <t>横浜市金沢区並木２丁目3-2</t>
  </si>
  <si>
    <t>045-783-8600</t>
  </si>
  <si>
    <t>文庫幼稚園</t>
  </si>
  <si>
    <t>〒236-0017</t>
  </si>
  <si>
    <t>横浜市金沢区西柴４丁目24-1</t>
  </si>
  <si>
    <t>045-783-1761</t>
    <phoneticPr fontId="1"/>
  </si>
  <si>
    <t>京急幼稚園</t>
  </si>
  <si>
    <t>〒236-0057</t>
  </si>
  <si>
    <t>横浜市金沢区能見台１丁目44-1</t>
  </si>
  <si>
    <t>045-772-1782</t>
  </si>
  <si>
    <t>(学)京急学園</t>
  </si>
  <si>
    <t>横浜市港北区</t>
  </si>
  <si>
    <t>エンゼル幼稚園</t>
  </si>
  <si>
    <t>〒223-0062</t>
  </si>
  <si>
    <t>横浜市港北区日吉本町４丁目17-15</t>
  </si>
  <si>
    <t>045-562-0061</t>
  </si>
  <si>
    <t>小林　洋子</t>
  </si>
  <si>
    <t>大倉山アソカ幼稚園</t>
  </si>
  <si>
    <t>〒222-0037</t>
    <phoneticPr fontId="1"/>
  </si>
  <si>
    <t>横浜市港北区大倉山２丁目8-7</t>
    <rPh sb="6" eb="9">
      <t>オオクラヤマ</t>
    </rPh>
    <rPh sb="10" eb="12">
      <t>チョウメ</t>
    </rPh>
    <phoneticPr fontId="1"/>
  </si>
  <si>
    <t>045-531-2054</t>
  </si>
  <si>
    <t>(宗)歓成院</t>
  </si>
  <si>
    <t>大谷学園幼稚園</t>
  </si>
  <si>
    <t>〒222-0024</t>
  </si>
  <si>
    <t>横浜市港北区篠原台町20-1</t>
  </si>
  <si>
    <t>045-433-1144</t>
  </si>
  <si>
    <t>(学)大谷学園</t>
  </si>
  <si>
    <t>桂幼稚園</t>
  </si>
  <si>
    <t>〒223-0065</t>
  </si>
  <si>
    <t>横浜市港北区高田東１丁目24-18</t>
  </si>
  <si>
    <t>045-531-0540</t>
  </si>
  <si>
    <t>(学)桂幼稚園</t>
  </si>
  <si>
    <t>金港幼稚園</t>
  </si>
  <si>
    <t>〒222-0022</t>
  </si>
  <si>
    <t>横浜市港北区篠原東１丁目12-2</t>
  </si>
  <si>
    <t>045-421-7360</t>
  </si>
  <si>
    <t>(学)金港学園</t>
  </si>
  <si>
    <t>光明幼稚園</t>
  </si>
  <si>
    <t>〒223-0066</t>
  </si>
  <si>
    <t>横浜市港北区高田西４丁目34-26</t>
  </si>
  <si>
    <t>045-593-3003</t>
  </si>
  <si>
    <t>(宗)塩谷寺</t>
  </si>
  <si>
    <t>小机幼稚園</t>
  </si>
  <si>
    <t>〒222-0036</t>
  </si>
  <si>
    <t>横浜市港北区小机町256</t>
  </si>
  <si>
    <t>045-471-9038</t>
  </si>
  <si>
    <t>(宗)泉谷寺</t>
  </si>
  <si>
    <t>しのはら幼稚園</t>
  </si>
  <si>
    <t>〒222-0026</t>
  </si>
  <si>
    <t>横浜市港北区篠原町1163</t>
  </si>
  <si>
    <t>045-432-6506</t>
  </si>
  <si>
    <t>長谷川　美恵子</t>
    <rPh sb="0" eb="3">
      <t>ハセガワ</t>
    </rPh>
    <rPh sb="4" eb="7">
      <t>ミエコ</t>
    </rPh>
    <phoneticPr fontId="1"/>
  </si>
  <si>
    <t>城郷幼稚園</t>
  </si>
  <si>
    <t>〒222-0035</t>
  </si>
  <si>
    <t>横浜市港北区鳥山町730</t>
  </si>
  <si>
    <t>045-471-9127</t>
  </si>
  <si>
    <t>(宗)三会寺</t>
  </si>
  <si>
    <t>しんよしだ幼稚園</t>
  </si>
  <si>
    <t>〒223-0058</t>
  </si>
  <si>
    <t>横浜市港北区新吉田東５丁目51-28</t>
  </si>
  <si>
    <t>045-541-8628</t>
  </si>
  <si>
    <t>(学)長瀬学園</t>
  </si>
  <si>
    <t>高木学園附属幼稚園</t>
  </si>
  <si>
    <t>〒222-0011</t>
  </si>
  <si>
    <t>横浜市港北区菊名７丁目3-30</t>
  </si>
  <si>
    <t>045-431-8180</t>
  </si>
  <si>
    <t>(学)高木学園</t>
  </si>
  <si>
    <t>樽町白梅幼稚園</t>
  </si>
  <si>
    <t>〒222-0001</t>
  </si>
  <si>
    <t>横浜市港北区樽町１丁目18-12</t>
  </si>
  <si>
    <t>045-541-2998</t>
  </si>
  <si>
    <t>木村  繁</t>
  </si>
  <si>
    <t>長福寺幼稚園</t>
  </si>
  <si>
    <t>〒223-0053</t>
  </si>
  <si>
    <t>横浜市港北区綱島西６丁目8-29</t>
  </si>
  <si>
    <t>045-531-0749</t>
  </si>
  <si>
    <t>(宗)長福寺</t>
  </si>
  <si>
    <t>長福寺第二幼稚園</t>
  </si>
  <si>
    <t>〒223-0054</t>
  </si>
  <si>
    <t>横浜市港北区綱島台28-1</t>
  </si>
  <si>
    <t>045-542-6766</t>
  </si>
  <si>
    <t>チロル幼稚園</t>
  </si>
  <si>
    <t>〒223-0061</t>
  </si>
  <si>
    <t>横浜市港北区日吉３丁目10-23</t>
  </si>
  <si>
    <t>045-563-2661</t>
  </si>
  <si>
    <t>古尾谷  務</t>
  </si>
  <si>
    <t>綱島幼稚園</t>
  </si>
  <si>
    <t>横浜市港北区綱島西１丁目13-15</t>
  </si>
  <si>
    <t>045-531-0640</t>
  </si>
  <si>
    <t>程木  邦海</t>
  </si>
  <si>
    <t>新羽幼稚園</t>
  </si>
  <si>
    <t>〒223-0057</t>
  </si>
  <si>
    <t>横浜市港北区新羽町2876</t>
  </si>
  <si>
    <t>045-531-2348</t>
  </si>
  <si>
    <t>(学)平等学園</t>
  </si>
  <si>
    <t>伸びる会幼稚園</t>
  </si>
  <si>
    <t>〒222-0012</t>
  </si>
  <si>
    <t>横浜市港北区富士塚２丁目13-23</t>
  </si>
  <si>
    <t>045-431-3681</t>
  </si>
  <si>
    <t>(学)伸成学園</t>
  </si>
  <si>
    <t>日吉さくら幼稚園</t>
  </si>
  <si>
    <t>〒223-0064</t>
  </si>
  <si>
    <t>横浜市港北区下田町２丁目10-72</t>
  </si>
  <si>
    <t>045-563-8716</t>
  </si>
  <si>
    <t>(学)日吉学園</t>
  </si>
  <si>
    <t>日吉台光幼稚園</t>
  </si>
  <si>
    <t>横浜市港北区日吉本町１丁目7-14</t>
  </si>
  <si>
    <t>045-561-2169</t>
  </si>
  <si>
    <t>岩本　洋子</t>
  </si>
  <si>
    <t>冨士見幼稚園</t>
  </si>
  <si>
    <t>横浜市港北区綱島西１丁目12-19</t>
  </si>
  <si>
    <t>045-542-1291</t>
  </si>
  <si>
    <t>(学)池谷学園</t>
  </si>
  <si>
    <t>プリンス幼稚園</t>
  </si>
  <si>
    <t>横浜市港北区下田町３丁目16-10</t>
  </si>
  <si>
    <t>045-561-6414</t>
  </si>
  <si>
    <t>(学)明瞳館</t>
  </si>
  <si>
    <t>横浜市戸塚区</t>
  </si>
  <si>
    <t>秋葉幼稚園</t>
  </si>
  <si>
    <t>〒245-0052</t>
  </si>
  <si>
    <t>横浜市戸塚区秋葉町342</t>
  </si>
  <si>
    <t>045-811-0215</t>
  </si>
  <si>
    <t>(学)本橋学園</t>
  </si>
  <si>
    <t>しらかば幼稚園</t>
  </si>
  <si>
    <t>〒244-0002</t>
  </si>
  <si>
    <t>横浜市戸塚区矢部町1169</t>
  </si>
  <si>
    <t>045-871-2605</t>
  </si>
  <si>
    <t>(学)白樺学園</t>
  </si>
  <si>
    <t>しらぎく幼稚園</t>
  </si>
  <si>
    <t>〒244-0816</t>
  </si>
  <si>
    <t>横浜市戸塚区上倉田町1146</t>
  </si>
  <si>
    <t>045-881-8030</t>
  </si>
  <si>
    <t>鈴木　砂織</t>
    <rPh sb="3" eb="4">
      <t>スナ</t>
    </rPh>
    <rPh sb="4" eb="5">
      <t>オリ</t>
    </rPh>
    <phoneticPr fontId="1"/>
  </si>
  <si>
    <t>東台幼稚園</t>
  </si>
  <si>
    <t>〒245-0053</t>
  </si>
  <si>
    <t>横浜市戸塚区上矢部町519</t>
  </si>
  <si>
    <t>045-811-0370</t>
  </si>
  <si>
    <t>(学)戸塚佐藤学園</t>
  </si>
  <si>
    <t>戸塚幼稚園</t>
  </si>
  <si>
    <t>〒244-0003</t>
  </si>
  <si>
    <t>横浜市戸塚区戸塚町3967</t>
  </si>
  <si>
    <t>045-881-0936</t>
  </si>
  <si>
    <t>森澤  克則</t>
    <rPh sb="4" eb="6">
      <t>カツノリ</t>
    </rPh>
    <phoneticPr fontId="1"/>
  </si>
  <si>
    <t>戸塚こばと幼稚園</t>
  </si>
  <si>
    <t>〒245-0061</t>
  </si>
  <si>
    <t>横浜市戸塚区汲沢４丁目31-20</t>
  </si>
  <si>
    <t>045-871-2263</t>
  </si>
  <si>
    <t>(学)横浜石井学園</t>
  </si>
  <si>
    <t>戸塚すみれ幼稚園</t>
  </si>
  <si>
    <t>〒244-0815</t>
  </si>
  <si>
    <t>横浜市戸塚区下倉田町1665</t>
  </si>
  <si>
    <t>045-881-8577</t>
  </si>
  <si>
    <t>(学)すみれ学園</t>
  </si>
  <si>
    <t>戸塚第二幼稚園</t>
  </si>
  <si>
    <t>横浜市戸塚区戸塚町2888-8</t>
  </si>
  <si>
    <t>045-881-8300</t>
  </si>
  <si>
    <t>(学)赤い実</t>
  </si>
  <si>
    <t>戸塚ふたば幼稚園</t>
  </si>
  <si>
    <t>横浜市戸塚区下倉田町1468-1</t>
    <phoneticPr fontId="1"/>
  </si>
  <si>
    <t>045-864-0232</t>
  </si>
  <si>
    <t>(学)吉原学園</t>
  </si>
  <si>
    <t>戸塚ルーテル教会附属幼稚園</t>
  </si>
  <si>
    <t>横浜市戸塚区戸塚町157</t>
  </si>
  <si>
    <t>045-881-0079</t>
  </si>
  <si>
    <t>(宗)日本ルーテル教団戸塚教会</t>
  </si>
  <si>
    <t>名瀬幼稚園</t>
  </si>
  <si>
    <t>〒245-0051</t>
  </si>
  <si>
    <t>横浜市戸塚区名瀬町793-1</t>
  </si>
  <si>
    <t>045-812-0261</t>
  </si>
  <si>
    <t>(学)近藤学園</t>
  </si>
  <si>
    <t>東俣野幼稚園</t>
  </si>
  <si>
    <t>〒245-0065</t>
  </si>
  <si>
    <t>横浜市戸塚区東俣野町944-1</t>
  </si>
  <si>
    <t>045-851-5221</t>
  </si>
  <si>
    <t>(学)清幸学園</t>
  </si>
  <si>
    <t>平戸幼稚園</t>
  </si>
  <si>
    <t>〒244-0802</t>
  </si>
  <si>
    <t>横浜市戸塚区平戸３丁目21-22</t>
  </si>
  <si>
    <t>045-822-7777</t>
  </si>
  <si>
    <t>(学)横浜平成学園</t>
  </si>
  <si>
    <t>冨士見ヶ丘幼稚園</t>
    <rPh sb="0" eb="1">
      <t>フ</t>
    </rPh>
    <phoneticPr fontId="1"/>
  </si>
  <si>
    <t>〒245-0063</t>
  </si>
  <si>
    <t>横浜市戸塚区原宿４丁目19-2</t>
  </si>
  <si>
    <t>045-851-1707</t>
  </si>
  <si>
    <t>(学)川辺学園</t>
  </si>
  <si>
    <t>舞岡幼稚園</t>
  </si>
  <si>
    <t>〒244-0813</t>
  </si>
  <si>
    <t>横浜市戸塚区舞岡町3557-4</t>
  </si>
  <si>
    <t>045-822-3400</t>
  </si>
  <si>
    <t>(学)相澤学園</t>
  </si>
  <si>
    <t>矢島幼稚園</t>
  </si>
  <si>
    <t>〒244-0004</t>
  </si>
  <si>
    <t>横浜市戸塚区小雀町156-1</t>
  </si>
  <si>
    <t>045-851-8250</t>
  </si>
  <si>
    <t>(学)矢島学園</t>
  </si>
  <si>
    <t>横浜市栄区</t>
  </si>
  <si>
    <t>飯島幼稚園</t>
  </si>
  <si>
    <t>〒244-0842</t>
  </si>
  <si>
    <t>横浜市栄区飯島町1050-3</t>
  </si>
  <si>
    <t>045-861-5155</t>
  </si>
  <si>
    <t>(学)三橋学園</t>
  </si>
  <si>
    <t>鍛冶ヶ谷カトリック幼稚園</t>
  </si>
  <si>
    <t>〒247-0004</t>
  </si>
  <si>
    <t>横浜市栄区柏陽16-2</t>
  </si>
  <si>
    <t>045-892-5588</t>
  </si>
  <si>
    <t>小菅ケ谷幼稚園</t>
  </si>
  <si>
    <t>〒247-0002</t>
  </si>
  <si>
    <t>横浜市栄区小山台２丁目31-22</t>
  </si>
  <si>
    <t>045-892-7117</t>
  </si>
  <si>
    <t>(学)小菅ヶ谷学園</t>
  </si>
  <si>
    <t>新大船幼稚園</t>
  </si>
  <si>
    <t>〒247-0007</t>
  </si>
  <si>
    <t>横浜市栄区小菅ヶ谷３丁目45-38</t>
  </si>
  <si>
    <t>045-892-3535</t>
  </si>
  <si>
    <t>(学)みのる学園</t>
  </si>
  <si>
    <t>静心幼稚園</t>
  </si>
  <si>
    <t>〒247-0015</t>
  </si>
  <si>
    <t>横浜市栄区中野町1079-1</t>
    <phoneticPr fontId="1"/>
  </si>
  <si>
    <t>045-891-4466</t>
  </si>
  <si>
    <t>内山  佳哉</t>
    <rPh sb="4" eb="6">
      <t>カナル</t>
    </rPh>
    <phoneticPr fontId="1"/>
  </si>
  <si>
    <t>やまゆり幼稚園</t>
  </si>
  <si>
    <t>〒247-0003</t>
  </si>
  <si>
    <t>横浜市栄区鍛冶ヶ谷町434</t>
  </si>
  <si>
    <t>045-891-2020</t>
  </si>
  <si>
    <t>(学)柳下学園</t>
  </si>
  <si>
    <t>横浜市泉区</t>
  </si>
  <si>
    <t>いしかわ幼稚園</t>
  </si>
  <si>
    <t>〒245-0016</t>
  </si>
  <si>
    <t>横浜市泉区和泉町7308</t>
  </si>
  <si>
    <t>045-802-9357</t>
  </si>
  <si>
    <t>(学)治泉学園</t>
  </si>
  <si>
    <t>英明幼稚園</t>
  </si>
  <si>
    <t>〒245-0023</t>
    <phoneticPr fontId="1"/>
  </si>
  <si>
    <t>横浜市泉区和泉中央南３丁目2-56</t>
    <rPh sb="7" eb="9">
      <t>チュウオウ</t>
    </rPh>
    <rPh sb="9" eb="10">
      <t>ミナミ</t>
    </rPh>
    <phoneticPr fontId="1"/>
  </si>
  <si>
    <t>045-802-2537</t>
  </si>
  <si>
    <t>(学)宝田学園</t>
  </si>
  <si>
    <t>岡津幼稚園</t>
  </si>
  <si>
    <t>〒245-0003</t>
  </si>
  <si>
    <t>横浜市泉区岡津町2727</t>
  </si>
  <si>
    <t>045-811-4954</t>
  </si>
  <si>
    <t>(学)杉の子学園</t>
  </si>
  <si>
    <t>善隣館幼稚園</t>
  </si>
  <si>
    <t>〒245-0018</t>
  </si>
  <si>
    <t>横浜市泉区上飯田町3857</t>
  </si>
  <si>
    <t>045-802-3351</t>
  </si>
  <si>
    <t>(学)桐朋学園</t>
  </si>
  <si>
    <t>皐月幼稚園</t>
  </si>
  <si>
    <t>〒245-0015</t>
  </si>
  <si>
    <t>横浜市泉区中田西２丁目2-12</t>
  </si>
  <si>
    <t>045-801-3737</t>
  </si>
  <si>
    <t>(学)皐月学園</t>
  </si>
  <si>
    <t>平和幼稚園</t>
  </si>
  <si>
    <t>横浜市泉区和泉町5270</t>
  </si>
  <si>
    <t>045-802-6600</t>
  </si>
  <si>
    <t>(学)和泉平和学園</t>
  </si>
  <si>
    <t>横浜市港南区</t>
  </si>
  <si>
    <t>安部幼稚園</t>
  </si>
  <si>
    <t>〒233-0006</t>
  </si>
  <si>
    <t>横浜市港南区芹が谷４丁目13-26</t>
  </si>
  <si>
    <t>045-822-0383</t>
  </si>
  <si>
    <t>(学)安部幼稚園</t>
  </si>
  <si>
    <t>あゆみ幼稚園</t>
  </si>
  <si>
    <t>〒233-0003</t>
  </si>
  <si>
    <t>横浜市港南区港南５丁目1-8</t>
  </si>
  <si>
    <t>045-840-4840</t>
  </si>
  <si>
    <t>(学)あゆみ学園</t>
  </si>
  <si>
    <t>美し野幼稚園</t>
  </si>
  <si>
    <t>〒234-0054</t>
  </si>
  <si>
    <t>横浜市港南区港南台４丁目12-1</t>
  </si>
  <si>
    <t>045-831-6666</t>
  </si>
  <si>
    <t>(学)荘司学園</t>
  </si>
  <si>
    <t>大谷幼稚園</t>
  </si>
  <si>
    <t>〒234-0051</t>
  </si>
  <si>
    <t>横浜市港南区日野１丁目10-15</t>
  </si>
  <si>
    <t>045-841-3435</t>
  </si>
  <si>
    <t>(学)横浜大谷学園</t>
    <rPh sb="1" eb="2">
      <t>ガク</t>
    </rPh>
    <rPh sb="3" eb="5">
      <t>ヨコハマ</t>
    </rPh>
    <rPh sb="5" eb="7">
      <t>オオタニ</t>
    </rPh>
    <rPh sb="7" eb="9">
      <t>ガクエン</t>
    </rPh>
    <phoneticPr fontId="1"/>
  </si>
  <si>
    <t>春日野幼稚園</t>
  </si>
  <si>
    <t>〒234-0053</t>
  </si>
  <si>
    <t>横浜市港南区日野中央２丁目29-18</t>
  </si>
  <si>
    <t>045-844-6532</t>
  </si>
  <si>
    <t>(学)みなみ学園</t>
  </si>
  <si>
    <t>金井幼稚園</t>
  </si>
  <si>
    <t>横浜市港南区日野９丁目40-6</t>
  </si>
  <si>
    <t>045-842-3370</t>
  </si>
  <si>
    <t>(学)横浜金井学園</t>
  </si>
  <si>
    <t>かもめ幼稚園</t>
  </si>
  <si>
    <t>横浜市港南区港南台２丁目21-12</t>
  </si>
  <si>
    <t>045-831-3103</t>
  </si>
  <si>
    <t>(学)宮ヶ谷学園</t>
  </si>
  <si>
    <t>港南台幼稚園</t>
  </si>
  <si>
    <t>横浜市港南区港南台５丁目17-1</t>
  </si>
  <si>
    <t>045-832-0248</t>
  </si>
  <si>
    <t>(学)太田学園</t>
  </si>
  <si>
    <t>宝島幼稚園</t>
  </si>
  <si>
    <t>横浜市港南区港南台１丁目43-34</t>
  </si>
  <si>
    <t>045-831-7074</t>
  </si>
  <si>
    <t>(学)イルカ学園</t>
  </si>
  <si>
    <t>竹の子幼稚園</t>
  </si>
  <si>
    <t>横浜市港南区日野７丁目34-7</t>
  </si>
  <si>
    <t>045-844-2355</t>
  </si>
  <si>
    <t>(学)清長学園</t>
  </si>
  <si>
    <t>永野幼稚園</t>
  </si>
  <si>
    <t>〒233-0012</t>
  </si>
  <si>
    <t>横浜市港南区上永谷5丁目7-1</t>
  </si>
  <si>
    <t>045-843-8817</t>
  </si>
  <si>
    <t>野庭幼稚園</t>
  </si>
  <si>
    <t>〒234-0056</t>
  </si>
  <si>
    <t>横浜市港南区野庭町633</t>
  </si>
  <si>
    <t>045-844-2727</t>
  </si>
  <si>
    <t>野庭聖佳幼稚園</t>
  </si>
  <si>
    <t>横浜市港南区野庭町626</t>
  </si>
  <si>
    <t>045-844-1203</t>
  </si>
  <si>
    <t>(学)信栄学園</t>
  </si>
  <si>
    <t>日野幼稚園</t>
  </si>
  <si>
    <t>横浜市港南区日野５丁目12-14</t>
  </si>
  <si>
    <t>045-843-8302</t>
  </si>
  <si>
    <t>横浜市旭区</t>
  </si>
  <si>
    <t>あたご幼稚園</t>
  </si>
  <si>
    <t>〒241-0005</t>
  </si>
  <si>
    <t>横浜市旭区白根２丁目34-7</t>
  </si>
  <si>
    <t>045-951-0156</t>
  </si>
  <si>
    <t>(学)愛宕学園</t>
  </si>
  <si>
    <t>今宿幼稚園</t>
  </si>
  <si>
    <t>〒241-0032</t>
  </si>
  <si>
    <t>横浜市旭区今宿東町832-2</t>
  </si>
  <si>
    <t>045-954-0883</t>
  </si>
  <si>
    <t>(学)旭学園</t>
  </si>
  <si>
    <t>柏幼稚園</t>
  </si>
  <si>
    <t>〒241-0835</t>
  </si>
  <si>
    <t>横浜市旭区柏町7</t>
  </si>
  <si>
    <t>045-364-1154</t>
  </si>
  <si>
    <t>(学)和田学園</t>
  </si>
  <si>
    <t>上川井幼稚園</t>
  </si>
  <si>
    <t>〒241-0802</t>
  </si>
  <si>
    <t>横浜市旭区上川井町1212-6</t>
  </si>
  <si>
    <t>045-921-3324</t>
  </si>
  <si>
    <t>(学)都ヶ丘学園</t>
  </si>
  <si>
    <t>上白根幼稚園</t>
  </si>
  <si>
    <t>〒241-0002</t>
  </si>
  <si>
    <t>横浜市旭区上白根２丁目52-29</t>
  </si>
  <si>
    <t>045-953-4897</t>
  </si>
  <si>
    <t>(学)上白根学園</t>
  </si>
  <si>
    <t>グリーンヒル幼稚園</t>
  </si>
  <si>
    <t>〒241-0022</t>
  </si>
  <si>
    <t>横浜市旭区鶴ヶ峰１丁目22-17</t>
  </si>
  <si>
    <t>045-373-6745</t>
  </si>
  <si>
    <t>(学)グリーンヒル学園</t>
  </si>
  <si>
    <t>左近山幼稚園</t>
  </si>
  <si>
    <t>〒241-0014</t>
  </si>
  <si>
    <t>横浜市旭区市沢町980</t>
  </si>
  <si>
    <t>045-351-5353</t>
  </si>
  <si>
    <t>(学)河原学園</t>
  </si>
  <si>
    <t>しみずがおか幼稚園</t>
  </si>
  <si>
    <t>〒241-0814</t>
  </si>
  <si>
    <t>横浜市旭区中沢２丁目27-1</t>
  </si>
  <si>
    <t>045-361-1798</t>
  </si>
  <si>
    <t>(学)アルコット学園</t>
  </si>
  <si>
    <t>白根幼稚園</t>
  </si>
  <si>
    <t>〒241-0004</t>
  </si>
  <si>
    <t>横浜市旭区中白根１丁目9-19</t>
  </si>
  <si>
    <t>045-951-1677</t>
  </si>
  <si>
    <t>(学)田中学園</t>
  </si>
  <si>
    <t>都岡幼稚園</t>
  </si>
  <si>
    <t>〒241-0806</t>
  </si>
  <si>
    <t>横浜市旭区下川井町272</t>
  </si>
  <si>
    <t>045-953-1338</t>
  </si>
  <si>
    <t>(学)瀬戸学園</t>
  </si>
  <si>
    <t>つくの幼稚園</t>
  </si>
  <si>
    <t>〒241-0813</t>
  </si>
  <si>
    <t>横浜市旭区今宿町2673</t>
  </si>
  <si>
    <t>045-391-6210</t>
  </si>
  <si>
    <t>(学)本田学園</t>
  </si>
  <si>
    <t>鶴ケ峯幼稚園</t>
  </si>
  <si>
    <t>横浜市旭区鶴ヶ峰１丁目17</t>
  </si>
  <si>
    <t>045-373-6639</t>
  </si>
  <si>
    <t>(学)横浜久保田学園</t>
  </si>
  <si>
    <t>四季の森幼稚園</t>
  </si>
  <si>
    <t>〒241-0001</t>
  </si>
  <si>
    <t>横浜市旭区上白根町895</t>
  </si>
  <si>
    <t>045-954-2301</t>
  </si>
  <si>
    <t>(学)育愛学園</t>
  </si>
  <si>
    <t>プレスクール若葉幼稚園</t>
  </si>
  <si>
    <t>〒241-0801</t>
  </si>
  <si>
    <t>横浜市旭区若葉台２丁目9-2</t>
  </si>
  <si>
    <t>045-921-3223</t>
  </si>
  <si>
    <t>(学)若葉台学院</t>
  </si>
  <si>
    <t>本宿幼稚園</t>
  </si>
  <si>
    <t>〒241-0023</t>
  </si>
  <si>
    <t>横浜市旭区本宿町99</t>
  </si>
  <si>
    <t>045-391-0678</t>
  </si>
  <si>
    <t>倉本  英世</t>
  </si>
  <si>
    <t>まきが原幼稚園</t>
  </si>
  <si>
    <t>〒241-0836</t>
  </si>
  <si>
    <t>横浜市旭区万騎が原3</t>
  </si>
  <si>
    <t>045-365-1564</t>
  </si>
  <si>
    <t>(学)清正学園</t>
  </si>
  <si>
    <t>横浜昭和幼稚園</t>
  </si>
  <si>
    <t>〒241-0821</t>
  </si>
  <si>
    <t>横浜市旭区二俣川２丁目7</t>
  </si>
  <si>
    <t>045-361-1858</t>
  </si>
  <si>
    <t>(学)矢田学園</t>
  </si>
  <si>
    <t>横浜市緑区</t>
  </si>
  <si>
    <t>東幼稚園</t>
  </si>
  <si>
    <t>〒226-0003</t>
  </si>
  <si>
    <t>横浜市緑区鴨居３丁目13-6</t>
  </si>
  <si>
    <t>045-931-2795</t>
  </si>
  <si>
    <t>岩岡  進</t>
  </si>
  <si>
    <t>黒滝幼稚園</t>
  </si>
  <si>
    <t>〒226-0004</t>
  </si>
  <si>
    <t>横浜市緑区鴨居町803-1</t>
  </si>
  <si>
    <t>045-933-5848</t>
  </si>
  <si>
    <t>竹山幼稚園</t>
  </si>
  <si>
    <t>〒226-0005</t>
  </si>
  <si>
    <t>横浜市緑区竹山２丁目4-1</t>
  </si>
  <si>
    <t>045-932-5355</t>
  </si>
  <si>
    <t>竹山南幼稚園</t>
  </si>
  <si>
    <t>横浜市緑区竹山３丁目1-5</t>
  </si>
  <si>
    <t>045-933-0318</t>
  </si>
  <si>
    <t>中山幼稚園</t>
  </si>
  <si>
    <t>〒226-0019</t>
    <phoneticPr fontId="1"/>
  </si>
  <si>
    <t>横浜市緑区中山5-19-5</t>
    <phoneticPr fontId="1"/>
  </si>
  <si>
    <t>045-931-1104</t>
  </si>
  <si>
    <t>ながつた幼稚園</t>
  </si>
  <si>
    <t>〒226-0027</t>
  </si>
  <si>
    <t>横浜市緑区長津田７丁目4-11</t>
  </si>
  <si>
    <t>045-981-0390</t>
  </si>
  <si>
    <t>八朔幼稚園</t>
  </si>
  <si>
    <t>〒226-0021</t>
  </si>
  <si>
    <t>横浜市緑区北八朔町1988-12</t>
  </si>
  <si>
    <t>045-933-0415</t>
  </si>
  <si>
    <t>(学)小嶋学園</t>
  </si>
  <si>
    <t>緑幼稚園</t>
  </si>
  <si>
    <t>〒226-0023</t>
  </si>
  <si>
    <t>横浜市緑区小山町433-1</t>
  </si>
  <si>
    <t>045-932-5437</t>
  </si>
  <si>
    <t>みほ幼稚園</t>
  </si>
  <si>
    <t>〒226-0015</t>
  </si>
  <si>
    <t>横浜市緑区三保町2384</t>
  </si>
  <si>
    <t>045-931-4911</t>
  </si>
  <si>
    <t>(学)岩澤学園</t>
  </si>
  <si>
    <t>むつみ幼稚園</t>
  </si>
  <si>
    <t>横浜市緑区長津田４丁目5-20</t>
  </si>
  <si>
    <t>045-981-0202</t>
  </si>
  <si>
    <t>(学)耕余学院</t>
  </si>
  <si>
    <t>森村学園幼稚園</t>
  </si>
  <si>
    <t>〒226-0026</t>
  </si>
  <si>
    <t>横浜市緑区長津田町2695</t>
  </si>
  <si>
    <t>045-984-0046</t>
  </si>
  <si>
    <t>(学)森村学園</t>
  </si>
  <si>
    <t>横浜あすか幼稚園</t>
  </si>
  <si>
    <t>〒226-0016</t>
  </si>
  <si>
    <t>横浜市緑区霧が丘３丁目18-1</t>
  </si>
  <si>
    <t>045-921-0603</t>
  </si>
  <si>
    <t>(学)湘南やまゆり学園</t>
  </si>
  <si>
    <t>横浜マドカ幼稚園</t>
  </si>
  <si>
    <t>横浜市緑区霧が丘６丁目14</t>
  </si>
  <si>
    <t>045-922-0797</t>
  </si>
  <si>
    <t>横浜市瀬谷区</t>
  </si>
  <si>
    <t>関東幼稚園</t>
  </si>
  <si>
    <t>〒246-0035</t>
  </si>
  <si>
    <t>横浜市瀬谷区下瀬谷２丁目23-34</t>
  </si>
  <si>
    <t>045-301-5924</t>
  </si>
  <si>
    <t>(学)籾山学園</t>
  </si>
  <si>
    <t>しらゆり幼稚園</t>
  </si>
  <si>
    <t>〒246-0037</t>
  </si>
  <si>
    <t>横浜市瀬谷区橋戸３丁目69-7</t>
  </si>
  <si>
    <t>045-301-1938</t>
  </si>
  <si>
    <t>(学)横浜白百合学園</t>
  </si>
  <si>
    <t>瀬谷幼稚園</t>
  </si>
  <si>
    <t>〒246-0032</t>
  </si>
  <si>
    <t>横浜市瀬谷区南台１丁目30-6</t>
  </si>
  <si>
    <t>045-301-0377</t>
  </si>
  <si>
    <t>(学)瀬谷学園</t>
  </si>
  <si>
    <t>横浜隼人幼稚園</t>
  </si>
  <si>
    <t>〒246-0026</t>
  </si>
  <si>
    <t>横浜市瀬谷区阿久和南１丁目3-2</t>
  </si>
  <si>
    <t>045-364-5105</t>
  </si>
  <si>
    <t>まこと幼稚園</t>
  </si>
  <si>
    <t>〒246-0022</t>
  </si>
  <si>
    <t>横浜市瀬谷区三ツ境65</t>
  </si>
  <si>
    <t>045-391-2175</t>
  </si>
  <si>
    <t>(学)まこと学園</t>
  </si>
  <si>
    <t>三ツ境幼稚園</t>
  </si>
  <si>
    <t>横浜市瀬谷区三ツ境104-3</t>
  </si>
  <si>
    <t>045-391-0223</t>
  </si>
  <si>
    <t>(学)横浜加藤学園</t>
  </si>
  <si>
    <t>ゆたか幼稚園</t>
  </si>
  <si>
    <t>〒246-0031</t>
  </si>
  <si>
    <t>横浜市瀬谷区瀬谷１丁目1-1</t>
  </si>
  <si>
    <t>045-301-0160</t>
  </si>
  <si>
    <t>(学)横浜中央学園</t>
  </si>
  <si>
    <t>横浜さがみ幼稚園</t>
  </si>
  <si>
    <t>横浜市瀬谷区瀬谷４丁目26-3</t>
  </si>
  <si>
    <t>045-301-0175</t>
  </si>
  <si>
    <t>(学)大空学園</t>
  </si>
  <si>
    <t>横浜市青葉区</t>
  </si>
  <si>
    <t>愛和幼稚園</t>
  </si>
  <si>
    <t>〒225-0013</t>
  </si>
  <si>
    <t>横浜市青葉区荏田町874</t>
  </si>
  <si>
    <t>045-911-1153</t>
    <phoneticPr fontId="1"/>
  </si>
  <si>
    <t>(学)愛和学院</t>
  </si>
  <si>
    <t>愛和太陽幼稚園</t>
  </si>
  <si>
    <t>〒225-0005</t>
  </si>
  <si>
    <t>横浜市青葉区荏子田３丁目26-3</t>
    <phoneticPr fontId="1"/>
  </si>
  <si>
    <t>045-901-8152</t>
  </si>
  <si>
    <t>〒225-0024</t>
  </si>
  <si>
    <t>045-971-6216</t>
  </si>
  <si>
    <t>(学)高橋学園</t>
  </si>
  <si>
    <t>美しの森幼稚園</t>
  </si>
  <si>
    <t>〒225-0003</t>
  </si>
  <si>
    <t>横浜市青葉区新石川２丁目16-17</t>
  </si>
  <si>
    <t>045-911-5228</t>
  </si>
  <si>
    <t>(学)石渡学園</t>
  </si>
  <si>
    <t>梅が丘天使幼稚園</t>
  </si>
  <si>
    <t>〒227-0052</t>
  </si>
  <si>
    <t>横浜市青葉区梅が丘39-14</t>
  </si>
  <si>
    <t>045-973-5616</t>
  </si>
  <si>
    <t>(学)天使学園</t>
  </si>
  <si>
    <t>大場白ゆり幼稚園</t>
  </si>
  <si>
    <t>〒225-0023</t>
  </si>
  <si>
    <t>横浜市青葉区大場町231</t>
  </si>
  <si>
    <t>045-971-5862</t>
  </si>
  <si>
    <t>(学)白井学院</t>
  </si>
  <si>
    <t>國學院幼稚園</t>
  </si>
  <si>
    <t>〒225-0002</t>
  </si>
  <si>
    <t>横浜市青葉区美しが丘２丁目32-1</t>
  </si>
  <si>
    <t>045-901-4515</t>
  </si>
  <si>
    <t>(学)國學院大學</t>
  </si>
  <si>
    <t>田園江田幼稚園</t>
  </si>
  <si>
    <t>横浜市青葉区荏田町474-1</t>
  </si>
  <si>
    <t>045-911-1362</t>
  </si>
  <si>
    <t>(宗)日本基督教団田園江田教会</t>
  </si>
  <si>
    <t>田園都市幼稚園</t>
  </si>
  <si>
    <t>〒227-0054</t>
  </si>
  <si>
    <t>横浜市青葉区しらとり台62-14</t>
  </si>
  <si>
    <t>045-981-6588</t>
  </si>
  <si>
    <t>(学)田園都市学園</t>
  </si>
  <si>
    <t>桐蔭学園幼稚園</t>
    <rPh sb="6" eb="7">
      <t>エン</t>
    </rPh>
    <phoneticPr fontId="1"/>
  </si>
  <si>
    <t>〒225-8502</t>
  </si>
  <si>
    <t>横浜市青葉区鉄町1614</t>
  </si>
  <si>
    <t>045-971-1411</t>
  </si>
  <si>
    <t>(学)桐蔭学園</t>
  </si>
  <si>
    <t>東洋英和女学院大学付属かえで幼稚園</t>
  </si>
  <si>
    <t>横浜市青葉区美しが丘３丁目46-8</t>
  </si>
  <si>
    <t>045-901-8423</t>
  </si>
  <si>
    <t>(学)東洋英和女学院</t>
  </si>
  <si>
    <t>ナザレ幼稚園</t>
  </si>
  <si>
    <t>〒227-0033</t>
  </si>
  <si>
    <t>横浜市青葉区鴨志田町1264</t>
  </si>
  <si>
    <t>045-962-0050</t>
  </si>
  <si>
    <t>(学)四恩学園</t>
  </si>
  <si>
    <t>奈良幼稚園</t>
  </si>
  <si>
    <t>〒227-0036</t>
  </si>
  <si>
    <t>横浜市青葉区奈良町2533-22</t>
  </si>
  <si>
    <t>045-962-9646</t>
  </si>
  <si>
    <t>鴨志田  清</t>
    <rPh sb="5" eb="6">
      <t>キヨシ</t>
    </rPh>
    <phoneticPr fontId="1"/>
  </si>
  <si>
    <t>藤が丘幼稚園</t>
  </si>
  <si>
    <t>〒227-0043</t>
  </si>
  <si>
    <t>横浜市青葉区藤が丘２丁目37-7</t>
  </si>
  <si>
    <t>045-971-4158</t>
  </si>
  <si>
    <t>(学)吉浜学園</t>
  </si>
  <si>
    <t>みたけ台幼稚園</t>
  </si>
  <si>
    <t>〒227-0047</t>
  </si>
  <si>
    <t>横浜市青葉区みたけ台1-1</t>
  </si>
  <si>
    <t>045-973-0817</t>
  </si>
  <si>
    <t>(学)原田学園</t>
  </si>
  <si>
    <t>もえぎ野幼稚園</t>
  </si>
  <si>
    <t>〒227-0044</t>
  </si>
  <si>
    <t>横浜市青葉区もえぎ野15-4</t>
  </si>
  <si>
    <t>045-973-5738</t>
  </si>
  <si>
    <t>横浜さくら幼稚園</t>
  </si>
  <si>
    <t>〒225-0025</t>
  </si>
  <si>
    <t>横浜市青葉区鉄町2345</t>
  </si>
  <si>
    <t>045-971-5665</t>
  </si>
  <si>
    <t>(学)前田学園</t>
  </si>
  <si>
    <t>横浜・モンテッソーリ幼稚園</t>
  </si>
  <si>
    <t>〒227-0038</t>
  </si>
  <si>
    <t>横浜市青葉区奈良５丁目14-1</t>
  </si>
  <si>
    <t>045-961-3487</t>
  </si>
  <si>
    <t>(学)高根学園</t>
  </si>
  <si>
    <t>横浜市都筑区</t>
  </si>
  <si>
    <t>池辺白ゆり幼稚園</t>
  </si>
  <si>
    <t>〒224-0053</t>
  </si>
  <si>
    <t>横浜市都筑区池辺町2355</t>
  </si>
  <si>
    <t>045-949-2155</t>
  </si>
  <si>
    <t>(学)一翠学園</t>
  </si>
  <si>
    <t>かちだ幼稚園</t>
  </si>
  <si>
    <t>〒224-0034</t>
  </si>
  <si>
    <t>横浜市都筑区勝田町233-2</t>
  </si>
  <si>
    <t>045-591-6577</t>
  </si>
  <si>
    <t>(学)関学園</t>
  </si>
  <si>
    <t>港北幼稚園</t>
  </si>
  <si>
    <t>〒224-0025</t>
  </si>
  <si>
    <t>横浜市都筑区早渕３丁目35-25</t>
  </si>
  <si>
    <t>045-593-3142</t>
  </si>
  <si>
    <t>(学)渡辺学園</t>
  </si>
  <si>
    <t>すぎの森幼稚園</t>
  </si>
  <si>
    <t>〒224-0027</t>
  </si>
  <si>
    <t>横浜市都筑区大棚町478</t>
  </si>
  <si>
    <t>045-591-2525</t>
  </si>
  <si>
    <t>(学)吉野学園</t>
  </si>
  <si>
    <t>都田幼稚園</t>
  </si>
  <si>
    <t>横浜市都筑区池辺町3017</t>
  </si>
  <si>
    <t>045-941-2849</t>
  </si>
  <si>
    <t>(学)中山学園</t>
  </si>
  <si>
    <t>都筑ヶ丘幼稚園</t>
    <phoneticPr fontId="1"/>
  </si>
  <si>
    <t>〒224-0057</t>
  </si>
  <si>
    <t>横浜市都筑区川和町2699</t>
  </si>
  <si>
    <t>045-941-2023</t>
  </si>
  <si>
    <t>(学)柏木学園</t>
  </si>
  <si>
    <t>Beyondia International School やまた幼稚園</t>
  </si>
  <si>
    <t>〒224-0024</t>
  </si>
  <si>
    <t>横浜市都筑区東山田町351-1</t>
  </si>
  <si>
    <t>045-592-4850</t>
  </si>
  <si>
    <t>(学)栗原学園</t>
  </si>
  <si>
    <t>金の星幼稚園</t>
  </si>
  <si>
    <t>〒224-0001</t>
  </si>
  <si>
    <t>横浜市都筑区中川１丁目3-2</t>
  </si>
  <si>
    <t>045-911-7000</t>
  </si>
  <si>
    <t>(学)竹田学園</t>
  </si>
  <si>
    <t>荏田南幼稚園</t>
  </si>
  <si>
    <t>〒224-0007</t>
  </si>
  <si>
    <t>横浜市都筑区荏田南２丁目5-3</t>
  </si>
  <si>
    <t>045-942-0210</t>
  </si>
  <si>
    <t>(学)田園学園</t>
  </si>
  <si>
    <t>愛和のぞみ幼稚園</t>
  </si>
  <si>
    <t>〒224-0033</t>
  </si>
  <si>
    <t>横浜市都筑区茅ヶ崎東２丁目19-5</t>
  </si>
  <si>
    <t>045-944-1152</t>
  </si>
  <si>
    <t>横浜黎明幼稚園</t>
  </si>
  <si>
    <t>〒224-0023</t>
  </si>
  <si>
    <t>横浜市都筑区東山田１丁目27-5</t>
  </si>
  <si>
    <t>045-594-3636</t>
  </si>
  <si>
    <t>みどり野幼稚園</t>
  </si>
  <si>
    <t>〒224-0011</t>
  </si>
  <si>
    <t>横浜市都筑区牛久保町1711-11</t>
  </si>
  <si>
    <t>045-910-4152</t>
  </si>
  <si>
    <t>(学)藤陽学園</t>
  </si>
  <si>
    <t>川崎市川崎区</t>
  </si>
  <si>
    <t>浅田幼稚園</t>
  </si>
  <si>
    <t>〒210-0847</t>
  </si>
  <si>
    <t>川崎市川崎区浅田２丁目15-5</t>
  </si>
  <si>
    <t>044-322-4815</t>
  </si>
  <si>
    <t>(学)三輪学園</t>
  </si>
  <si>
    <t>江川幼稚園</t>
  </si>
  <si>
    <t>〒210-0823</t>
  </si>
  <si>
    <t>川崎市川崎区江川２丁目5-5</t>
  </si>
  <si>
    <t>044-299-1781</t>
  </si>
  <si>
    <t>(学)石渡育英学園</t>
  </si>
  <si>
    <t>小田双葉幼稚園</t>
  </si>
  <si>
    <t>〒210-0846</t>
  </si>
  <si>
    <t>川崎市川崎区小田５丁目25-8</t>
  </si>
  <si>
    <t>044-322-3380</t>
  </si>
  <si>
    <t>宇井  幸子</t>
    <rPh sb="0" eb="2">
      <t>ウイ</t>
    </rPh>
    <rPh sb="4" eb="6">
      <t>サチコ</t>
    </rPh>
    <phoneticPr fontId="1"/>
  </si>
  <si>
    <t>川崎青い鳥幼稚園</t>
  </si>
  <si>
    <t>川崎市川崎区小田２丁目17-29</t>
  </si>
  <si>
    <t>044-344-2798</t>
  </si>
  <si>
    <t>川崎協立幼稚園</t>
  </si>
  <si>
    <t>〒210-0834</t>
  </si>
  <si>
    <t>川崎市川崎区大島３丁目5-6</t>
  </si>
  <si>
    <t>044-233-8667</t>
  </si>
  <si>
    <t>(学)川崎協立幼稚園</t>
  </si>
  <si>
    <t>川崎さくら幼稚園</t>
  </si>
  <si>
    <t>〒210-0814</t>
  </si>
  <si>
    <t>川崎市川崎区台町20-1</t>
  </si>
  <si>
    <t>044-266-5252</t>
  </si>
  <si>
    <t>(学)金丸学園</t>
  </si>
  <si>
    <t>川崎頌和幼稚園</t>
  </si>
  <si>
    <t>〒210-0023</t>
  </si>
  <si>
    <t>川崎市川崎区小川町11-13</t>
  </si>
  <si>
    <t>044-222-3120</t>
  </si>
  <si>
    <t>(学)川崎キリスト教学園</t>
  </si>
  <si>
    <t>川崎ふたば幼稚園</t>
  </si>
  <si>
    <t>〒210-0811</t>
  </si>
  <si>
    <t>川崎市川崎区大師河原２丁目3-20</t>
  </si>
  <si>
    <t>044-277-6533</t>
  </si>
  <si>
    <t>(学)ふたば学園</t>
  </si>
  <si>
    <t>観音幼稚園</t>
  </si>
  <si>
    <t>〒210-0831</t>
  </si>
  <si>
    <t>川崎市川崎区観音２丁目1-7</t>
  </si>
  <si>
    <t>044-276-0011</t>
  </si>
  <si>
    <t>(学)観音学園</t>
  </si>
  <si>
    <t>聖クララ幼稚園</t>
  </si>
  <si>
    <t>〒210-0014</t>
  </si>
  <si>
    <t>川崎市川崎区貝塚２丁目8-16</t>
  </si>
  <si>
    <t>044-244-4980</t>
  </si>
  <si>
    <t>(学)アトンメント会</t>
  </si>
  <si>
    <t>竹園幼稚園</t>
  </si>
  <si>
    <t>川崎市川崎区小田３丁目13-16</t>
  </si>
  <si>
    <t>044-322-7716</t>
  </si>
  <si>
    <t>(学)竹内学園</t>
    <rPh sb="1" eb="2">
      <t>ガク</t>
    </rPh>
    <rPh sb="3" eb="5">
      <t>タケウチ</t>
    </rPh>
    <rPh sb="5" eb="7">
      <t>ガクエン</t>
    </rPh>
    <phoneticPr fontId="1"/>
  </si>
  <si>
    <t>第一ひかり幼稚園</t>
  </si>
  <si>
    <t>川崎市川崎区貝塚１丁目12-12</t>
  </si>
  <si>
    <t>044-244-5541</t>
  </si>
  <si>
    <t>(学)ひかり学園</t>
  </si>
  <si>
    <t>大師幼稚園</t>
  </si>
  <si>
    <t>〒210-0812</t>
  </si>
  <si>
    <t>川崎市川崎区東門前１丁目4-9</t>
  </si>
  <si>
    <t>044-288-4095</t>
  </si>
  <si>
    <t>(宗)平間寺</t>
  </si>
  <si>
    <t>東三輪幼稚園</t>
  </si>
  <si>
    <t>〒210-0851</t>
  </si>
  <si>
    <t>川崎市川崎区浜町１丁目4-15</t>
  </si>
  <si>
    <t>044-333-7075</t>
  </si>
  <si>
    <t>福音幼稚園</t>
  </si>
  <si>
    <t>〒210-0838</t>
  </si>
  <si>
    <t>川崎市川崎区境町3-12</t>
  </si>
  <si>
    <t>044-222-4525</t>
  </si>
  <si>
    <t>(学)福音学園</t>
    <rPh sb="3" eb="5">
      <t>フクイン</t>
    </rPh>
    <phoneticPr fontId="1"/>
  </si>
  <si>
    <t>三輪幼稚園</t>
  </si>
  <si>
    <t>〒210-0841</t>
  </si>
  <si>
    <t>川崎市川崎区渡田向町4-5</t>
  </si>
  <si>
    <t>044-233-7574</t>
  </si>
  <si>
    <t>ゆりかご幼稚園</t>
  </si>
  <si>
    <t>川崎市川崎区小田１丁目16-16</t>
  </si>
  <si>
    <t>044-322-3979</t>
  </si>
  <si>
    <t>(学)健正学園</t>
  </si>
  <si>
    <t>若宮幼稚園</t>
  </si>
  <si>
    <t>〒210-0802</t>
  </si>
  <si>
    <t>川崎市川崎区大師駅前２丁目13-16</t>
  </si>
  <si>
    <t>044-233-4858</t>
  </si>
  <si>
    <t>(学)若宮学園</t>
  </si>
  <si>
    <t>川崎市幸区</t>
  </si>
  <si>
    <t>鹿島田幼稚園</t>
  </si>
  <si>
    <t>〒212-0058</t>
  </si>
  <si>
    <t>川崎市幸区鹿島田２丁目22-44</t>
    <rPh sb="9" eb="11">
      <t>チョウメ</t>
    </rPh>
    <phoneticPr fontId="1"/>
  </si>
  <si>
    <t>044-533-0348</t>
  </si>
  <si>
    <t>(宗)鹿島大神</t>
  </si>
  <si>
    <t>川崎こまどり幼稚園</t>
  </si>
  <si>
    <t>〒212-0055</t>
  </si>
  <si>
    <t>川崎市幸区南加瀬１丁目18-9</t>
  </si>
  <si>
    <t>044-588-3957</t>
  </si>
  <si>
    <t>(学)仁藤学園</t>
  </si>
  <si>
    <t>小鳩幼稚園</t>
  </si>
  <si>
    <t>〒212-0052</t>
  </si>
  <si>
    <t>川崎市幸区古市場1772</t>
  </si>
  <si>
    <t>044-511-8811</t>
  </si>
  <si>
    <t>(学)金井学園</t>
  </si>
  <si>
    <t>小峰幼稚園</t>
  </si>
  <si>
    <t>〒212-0054</t>
  </si>
  <si>
    <t>川崎市幸区小倉５丁目11-5</t>
    <rPh sb="8" eb="10">
      <t>チョウメ</t>
    </rPh>
    <phoneticPr fontId="1"/>
  </si>
  <si>
    <t>044-599-0831</t>
  </si>
  <si>
    <t>(学)小峰英光学園</t>
  </si>
  <si>
    <t>第二ひかり幼稚園</t>
  </si>
  <si>
    <t>〒212-0025</t>
  </si>
  <si>
    <t>川崎市幸区古川町16</t>
  </si>
  <si>
    <t>044-522-4822</t>
  </si>
  <si>
    <t>白山幼稚園</t>
  </si>
  <si>
    <t>〒212-0057</t>
  </si>
  <si>
    <t>川崎市幸区北加瀬２丁目13-2</t>
  </si>
  <si>
    <t>044-588-0816</t>
  </si>
  <si>
    <t>(学)志村学園</t>
  </si>
  <si>
    <t>日吉幼稚園</t>
  </si>
  <si>
    <t>川崎市幸区南加瀬３丁目34-7</t>
  </si>
  <si>
    <t>044-588-3456</t>
  </si>
  <si>
    <t>佐野　裕章</t>
    <rPh sb="3" eb="5">
      <t>ヒロアキ</t>
    </rPh>
    <phoneticPr fontId="1"/>
  </si>
  <si>
    <t>みのり幼稚園</t>
  </si>
  <si>
    <t>〒212-0026</t>
  </si>
  <si>
    <t>川崎市幸区紺屋町12</t>
  </si>
  <si>
    <t>044-511-0628</t>
  </si>
  <si>
    <t>(学)みのり学園</t>
  </si>
  <si>
    <t>みゆき幼稚園</t>
  </si>
  <si>
    <t>〒212-0003</t>
  </si>
  <si>
    <t>川崎市幸区小向町19-2</t>
  </si>
  <si>
    <t>044-511-0261</t>
  </si>
  <si>
    <t>(学)みゆき幼稚園</t>
  </si>
  <si>
    <t>川崎市中原区</t>
  </si>
  <si>
    <t>大西学園幼稚園</t>
  </si>
  <si>
    <t>〒211-0063</t>
  </si>
  <si>
    <t>川崎市中原区小杉町２丁目284</t>
  </si>
  <si>
    <t>044-722-2332</t>
  </si>
  <si>
    <t>(学)大西学園</t>
  </si>
  <si>
    <t>木月カリヨン幼稚園</t>
  </si>
  <si>
    <t>〒211-0025</t>
  </si>
  <si>
    <t>川崎市中原区木月３丁目52-36</t>
  </si>
  <si>
    <t>044-411-8563</t>
  </si>
  <si>
    <t>（代行）小島  一浩</t>
    <rPh sb="1" eb="3">
      <t>ダイコウ</t>
    </rPh>
    <rPh sb="8" eb="9">
      <t>ハジメ</t>
    </rPh>
    <rPh sb="9" eb="10">
      <t>ヒロシ</t>
    </rPh>
    <phoneticPr fontId="5"/>
  </si>
  <si>
    <t>サクラノ幼稚園</t>
  </si>
  <si>
    <t>〒211-0011</t>
  </si>
  <si>
    <t>川崎市中原区下沼部2033</t>
  </si>
  <si>
    <t>044-411-5991</t>
  </si>
  <si>
    <t>(学)坂倉学園</t>
  </si>
  <si>
    <t>すみのえ幼稚園</t>
  </si>
  <si>
    <t>〒211-0041</t>
  </si>
  <si>
    <t>川崎市中原区下小田中２丁目32-20</t>
  </si>
  <si>
    <t>044-777-6713</t>
  </si>
  <si>
    <t>(学)すみのえ学園</t>
  </si>
  <si>
    <t>太陽第一幼稚園</t>
  </si>
  <si>
    <t>〒211-0044</t>
  </si>
  <si>
    <t>川崎市中原区新城４丁目5-1</t>
  </si>
  <si>
    <t>044-766-3779</t>
  </si>
  <si>
    <t>(学)塩原育英会</t>
  </si>
  <si>
    <t>太陽第二幼稚園</t>
  </si>
  <si>
    <t>〒211-0053</t>
  </si>
  <si>
    <t>川崎市中原区上小田中６丁目29-21</t>
  </si>
  <si>
    <t>044-722-5715</t>
  </si>
  <si>
    <t>大楽幼稚園</t>
  </si>
  <si>
    <t>川崎市中原区木月４丁目22-32</t>
  </si>
  <si>
    <t>044-431-5850</t>
    <phoneticPr fontId="1"/>
  </si>
  <si>
    <t>(学)桜鳩学園</t>
  </si>
  <si>
    <t>月影学園幼稚園</t>
  </si>
  <si>
    <t>川崎市中原区木月1丁目6-36</t>
  </si>
  <si>
    <t>044-433-5514</t>
  </si>
  <si>
    <t>(学)月影学園</t>
  </si>
  <si>
    <t>東住吉幼稚園</t>
  </si>
  <si>
    <t>〒211-0064</t>
  </si>
  <si>
    <t>川崎市中原区今井南町10-58</t>
    <phoneticPr fontId="1"/>
  </si>
  <si>
    <t>044-722-4782</t>
  </si>
  <si>
    <t>(学)東住吉学園</t>
  </si>
  <si>
    <t>平間幼稚園</t>
  </si>
  <si>
    <t>〒211-0013</t>
  </si>
  <si>
    <t>川崎市中原区上平間550</t>
  </si>
  <si>
    <t>044-511-2473</t>
  </si>
  <si>
    <t>(学)明成学園</t>
  </si>
  <si>
    <t>宮内幼稚園</t>
  </si>
  <si>
    <t>〒211-0051</t>
  </si>
  <si>
    <t>川崎市中原区宮内３丁目16-11</t>
  </si>
  <si>
    <t>044-777-0250</t>
  </si>
  <si>
    <t>(学)大森学園</t>
  </si>
  <si>
    <t>元住吉こばと幼稚園</t>
  </si>
  <si>
    <t>〒211-0025</t>
    <phoneticPr fontId="1"/>
  </si>
  <si>
    <t>川崎市中原区木月３丁目59-20</t>
  </si>
  <si>
    <t>044-411-1458</t>
  </si>
  <si>
    <t>(学)敬愛学園</t>
  </si>
  <si>
    <t>川崎市高津区</t>
  </si>
  <si>
    <t>〒213-0015</t>
  </si>
  <si>
    <t>川崎市高津区梶ヶ谷３丁目6-5</t>
    <phoneticPr fontId="1"/>
  </si>
  <si>
    <t>044-877-8781</t>
  </si>
  <si>
    <t>(学)村田学園</t>
  </si>
  <si>
    <t>村田　清一</t>
  </si>
  <si>
    <t>川崎たまがわ幼稚園</t>
  </si>
  <si>
    <t>〒213-0013</t>
  </si>
  <si>
    <t>川崎市高津区末長４丁目4-1</t>
    <phoneticPr fontId="1"/>
  </si>
  <si>
    <t>044-822-7962</t>
  </si>
  <si>
    <t>川崎めぐみ幼稚園</t>
  </si>
  <si>
    <t>〒213-0026</t>
  </si>
  <si>
    <t>川崎市高津区久末50</t>
  </si>
  <si>
    <t>044-777-5405</t>
  </si>
  <si>
    <t>(学)めぐみ学園</t>
  </si>
  <si>
    <t>新作やはた幼稚園</t>
  </si>
  <si>
    <t>〒213-0014</t>
  </si>
  <si>
    <t>川崎市高津区新作４丁目19-10</t>
  </si>
  <si>
    <t>044-888-6008</t>
  </si>
  <si>
    <t>(学)宮重学園</t>
  </si>
  <si>
    <t>諏訪幼稚園</t>
  </si>
  <si>
    <t>〒213-0004</t>
  </si>
  <si>
    <t>川崎市高津区諏訪２丁目16-18</t>
  </si>
  <si>
    <t>044-833-6765</t>
  </si>
  <si>
    <t>(学)對馬学園</t>
  </si>
  <si>
    <t>洗足学園大学附属幼稚園</t>
  </si>
  <si>
    <t>〒213-8580</t>
  </si>
  <si>
    <t>川崎市高津区久本２丁目3-1</t>
  </si>
  <si>
    <t>044-857-1211</t>
  </si>
  <si>
    <t>(学)洗足学園</t>
  </si>
  <si>
    <t>高津幼稚園</t>
  </si>
  <si>
    <t>〒213-0001</t>
  </si>
  <si>
    <t>川崎市高津区溝口２丁目29-2</t>
  </si>
  <si>
    <t>044-811-3320</t>
  </si>
  <si>
    <t>(宗)宗隆寺</t>
  </si>
  <si>
    <t>たちばな幼稚園</t>
  </si>
  <si>
    <t>川崎市高津区久末1892-1</t>
  </si>
  <si>
    <t>044-766-8711</t>
  </si>
  <si>
    <t>(学)橘学院</t>
  </si>
  <si>
    <t>津田山幼稚園</t>
  </si>
  <si>
    <t>〒213-0033</t>
  </si>
  <si>
    <t>川崎市高津区下作延４丁目30-28</t>
    <rPh sb="10" eb="12">
      <t>チョウメ</t>
    </rPh>
    <phoneticPr fontId="1"/>
  </si>
  <si>
    <t>044-865-5121</t>
  </si>
  <si>
    <t>(学)島崎学園</t>
  </si>
  <si>
    <t>若竹幼稚園</t>
  </si>
  <si>
    <t>〒213-0023</t>
  </si>
  <si>
    <t>川崎市高津区子母口406</t>
    <phoneticPr fontId="1"/>
  </si>
  <si>
    <t>044-766-6233</t>
  </si>
  <si>
    <t>(学)若竹中央学園</t>
  </si>
  <si>
    <t>川崎市多摩区</t>
  </si>
  <si>
    <t>カリタス幼稚園</t>
  </si>
  <si>
    <t>〒214-0012</t>
  </si>
  <si>
    <t>川崎市多摩区中野島４丁目6-1</t>
  </si>
  <si>
    <t>044-922-2526</t>
  </si>
  <si>
    <t>(学)カリタス学園</t>
  </si>
  <si>
    <t>川崎若葉幼稚園</t>
  </si>
  <si>
    <t>〒214-0023</t>
  </si>
  <si>
    <t>川崎市多摩区長尾４丁目5-25</t>
  </si>
  <si>
    <t>044-911-6227</t>
  </si>
  <si>
    <t>(学)新井学園</t>
  </si>
  <si>
    <t>宿河原幼稚園</t>
  </si>
  <si>
    <t>〒214-0021</t>
  </si>
  <si>
    <t>川崎市多摩区宿河原２丁目24-4</t>
  </si>
  <si>
    <t>044-911-3199</t>
  </si>
  <si>
    <t>(学)関山学園</t>
  </si>
  <si>
    <t>菅幼稚園</t>
  </si>
  <si>
    <t>〒214-0001</t>
  </si>
  <si>
    <t>川崎市多摩区菅２丁目9-1</t>
  </si>
  <si>
    <t>044-944-3277</t>
  </si>
  <si>
    <t>(学)平山学園</t>
  </si>
  <si>
    <t>玉幼稚園</t>
  </si>
  <si>
    <t>川崎市多摩区宿河原５丁目19-1</t>
  </si>
  <si>
    <t>044-911-7324</t>
  </si>
  <si>
    <t>(学)河合学園</t>
  </si>
  <si>
    <t>玉川幼稚園</t>
  </si>
  <si>
    <t>〒214-0014</t>
  </si>
  <si>
    <t>川崎市多摩区登戸2474</t>
  </si>
  <si>
    <t>044-911-2462</t>
  </si>
  <si>
    <t>(宗)善立寺</t>
  </si>
  <si>
    <t>寺尾みどり幼稚園</t>
  </si>
  <si>
    <t>〒214-0005</t>
  </si>
  <si>
    <t>川崎市多摩区寺尾台１丁目17</t>
  </si>
  <si>
    <t>044-955-1717</t>
  </si>
  <si>
    <t>(学)桐光学園</t>
  </si>
  <si>
    <t>桐光学園みどり幼稚園</t>
  </si>
  <si>
    <t>川崎市多摩区宿河原３丁目6-9</t>
  </si>
  <si>
    <t>044-911-3227</t>
  </si>
  <si>
    <t>中野島幼稚園</t>
  </si>
  <si>
    <t>川崎市多摩区中野島３丁目19-2</t>
  </si>
  <si>
    <t>044-911-5456</t>
  </si>
  <si>
    <t>(学)淺谷学園</t>
  </si>
  <si>
    <t>西三田幼稚園</t>
  </si>
  <si>
    <t>〒214-0034</t>
  </si>
  <si>
    <t>川崎市多摩区三田３丁目4-3</t>
  </si>
  <si>
    <t>044-922-5512</t>
  </si>
  <si>
    <t>認定こども園ひがしすげ幼稚園</t>
    <rPh sb="0" eb="2">
      <t>ニンテイ</t>
    </rPh>
    <rPh sb="5" eb="6">
      <t>エン</t>
    </rPh>
    <phoneticPr fontId="1"/>
  </si>
  <si>
    <t>〒214-0008</t>
  </si>
  <si>
    <t>川崎市多摩区菅北浦１丁目6-50</t>
  </si>
  <si>
    <t>044-944-4152</t>
  </si>
  <si>
    <t>(学)武蔵学園</t>
  </si>
  <si>
    <t>佐保田  ともこ</t>
    <phoneticPr fontId="1"/>
  </si>
  <si>
    <t>佐保田  智子</t>
  </si>
  <si>
    <t>丸山幼稚園</t>
  </si>
  <si>
    <t>川崎市多摩区登戸1293</t>
    <phoneticPr fontId="1"/>
  </si>
  <si>
    <t>044-911-3624</t>
  </si>
  <si>
    <t>(学)丸山学園</t>
    <rPh sb="1" eb="2">
      <t>ガク</t>
    </rPh>
    <rPh sb="5" eb="7">
      <t>ガクエン</t>
    </rPh>
    <phoneticPr fontId="1"/>
  </si>
  <si>
    <t>川崎市宮前区</t>
  </si>
  <si>
    <t>有馬白百合幼稚園</t>
  </si>
  <si>
    <t>〒216-0002</t>
  </si>
  <si>
    <t>川崎市宮前区東有馬２丁目35-30</t>
  </si>
  <si>
    <t>044-855-7777</t>
  </si>
  <si>
    <t>(学)持田学園</t>
  </si>
  <si>
    <t>さぎぬま幼稚園</t>
  </si>
  <si>
    <t>〒216-0007</t>
  </si>
  <si>
    <t>川崎市宮前区小台１丁目12-16</t>
  </si>
  <si>
    <t>044-855-5420</t>
  </si>
  <si>
    <t>(学)安藤学園</t>
  </si>
  <si>
    <t>潮見台みどり幼稚園</t>
  </si>
  <si>
    <t>〒216-0013</t>
  </si>
  <si>
    <t>川崎市宮前区潮見台6-1</t>
  </si>
  <si>
    <t>044-976-1000</t>
  </si>
  <si>
    <t>(学)藤田学園</t>
  </si>
  <si>
    <t>初山幼稚園</t>
  </si>
  <si>
    <t>〒216-0026</t>
  </si>
  <si>
    <t>川崎市宮前区初山１丁目2-1</t>
  </si>
  <si>
    <t>044-977-5671</t>
  </si>
  <si>
    <t>(学)本遠寺学園</t>
  </si>
  <si>
    <t>ひばり幼稚園</t>
  </si>
  <si>
    <t>〒216-0032</t>
  </si>
  <si>
    <t>川崎市宮前区神木２丁目10</t>
  </si>
  <si>
    <t>044-865-0331</t>
  </si>
  <si>
    <t>(学)永井学園</t>
  </si>
  <si>
    <t>宮崎台幼稚園</t>
  </si>
  <si>
    <t>〒216-0033</t>
  </si>
  <si>
    <t>川崎市宮前区宮崎２丁目3-3</t>
  </si>
  <si>
    <t>044-855-1818</t>
  </si>
  <si>
    <t>宮崎二葉幼稚園</t>
  </si>
  <si>
    <t>〒216-0006</t>
  </si>
  <si>
    <t>川崎市宮前区宮前平３丁目5-1</t>
  </si>
  <si>
    <t>044-866-6390</t>
  </si>
  <si>
    <t>(学)中田学園</t>
    <rPh sb="3" eb="5">
      <t>ナカタ</t>
    </rPh>
    <phoneticPr fontId="1"/>
  </si>
  <si>
    <t>川崎市麻生区</t>
  </si>
  <si>
    <t>柿の実幼稚園</t>
  </si>
  <si>
    <t>〒215-0021</t>
  </si>
  <si>
    <t>川崎市麻生区上麻生７丁目41-1</t>
  </si>
  <si>
    <t>044-988-0229</t>
  </si>
  <si>
    <t>(学)柿の実学園</t>
  </si>
  <si>
    <t>川崎青葉幼稚園</t>
  </si>
  <si>
    <t>川崎市麻生区上麻生４丁目2-2</t>
  </si>
  <si>
    <t>044-966-3179</t>
  </si>
  <si>
    <t>(学)麻生学園</t>
  </si>
  <si>
    <t>こうりんじ幼稚園</t>
  </si>
  <si>
    <t>〒215-0001</t>
  </si>
  <si>
    <t>川崎市麻生区細山３丁目2-1</t>
  </si>
  <si>
    <t>044-966-1089</t>
  </si>
  <si>
    <t>(学)南嶺学園</t>
  </si>
  <si>
    <t>ちよがおか幼稚園</t>
  </si>
  <si>
    <t>〒215-0006</t>
  </si>
  <si>
    <t>川崎市麻生区金程４丁目25-1</t>
  </si>
  <si>
    <t>044-955-0233</t>
  </si>
  <si>
    <t>百合丘さくら幼稚園</t>
  </si>
  <si>
    <t>〒215-0012</t>
  </si>
  <si>
    <t>川崎市麻生区東百合丘４丁目1-46</t>
  </si>
  <si>
    <t>044-966-0353</t>
  </si>
  <si>
    <t>(学)麻生学園</t>
    <rPh sb="1" eb="2">
      <t>ガク</t>
    </rPh>
    <phoneticPr fontId="1"/>
  </si>
  <si>
    <t>百合丘めぐみ幼稚園</t>
  </si>
  <si>
    <t>〒215-0011</t>
  </si>
  <si>
    <t>川崎市麻生区百合丘１丁目12</t>
  </si>
  <si>
    <t>044-954-4665</t>
  </si>
  <si>
    <t>(宗)百合丘キリスト教会</t>
  </si>
  <si>
    <t>ルミエール幼稚園</t>
  </si>
  <si>
    <t>川崎市麻生区百合丘２丁目13-1</t>
  </si>
  <si>
    <t>044-966-4567</t>
  </si>
  <si>
    <t>(学)ルミエール学園</t>
  </si>
  <si>
    <t>風の谷幼稚園</t>
  </si>
  <si>
    <t>〒215-0023</t>
  </si>
  <si>
    <t>川崎市麻生区片平1510</t>
  </si>
  <si>
    <t>044-986-5515</t>
  </si>
  <si>
    <t>(学)一廣学園</t>
  </si>
  <si>
    <t>相模原市緑区</t>
    <rPh sb="4" eb="6">
      <t>ミドリク</t>
    </rPh>
    <phoneticPr fontId="1"/>
  </si>
  <si>
    <t>大沢第二幼稚園</t>
  </si>
  <si>
    <t>〒252-0135</t>
  </si>
  <si>
    <t>相模原市緑区大島1304-2</t>
  </si>
  <si>
    <t>042-761-3464</t>
  </si>
  <si>
    <t>(学)長友学園</t>
  </si>
  <si>
    <t>相模原みどり幼稚園</t>
  </si>
  <si>
    <t>〒252-0144</t>
  </si>
  <si>
    <t>相模原市緑区東橋本２丁目32-22</t>
  </si>
  <si>
    <t>042-772-4610</t>
  </si>
  <si>
    <t>原  正幸</t>
    <rPh sb="3" eb="5">
      <t>マサユキ</t>
    </rPh>
    <phoneticPr fontId="5"/>
  </si>
  <si>
    <t>てるて幼稚園</t>
  </si>
  <si>
    <t>〒252-0134</t>
  </si>
  <si>
    <t>相模原市緑区下九沢441-1</t>
  </si>
  <si>
    <t>042-762-3594</t>
  </si>
  <si>
    <t>(学)山口学園</t>
  </si>
  <si>
    <t>新町幼稚園</t>
  </si>
  <si>
    <t>〒252-0141</t>
  </si>
  <si>
    <t>相模原市緑区相原１丁目20-5</t>
  </si>
  <si>
    <t>042-772-0926</t>
  </si>
  <si>
    <t>(学)楢の木学園</t>
  </si>
  <si>
    <t>城山わかば幼稚園</t>
  </si>
  <si>
    <t>〒252-0112</t>
  </si>
  <si>
    <t>相模原市緑区若葉台６丁目5-14</t>
    <phoneticPr fontId="1"/>
  </si>
  <si>
    <t>042-782-8185</t>
  </si>
  <si>
    <t>(学)わかば学園</t>
  </si>
  <si>
    <t>津久井ヶ丘幼稚園</t>
  </si>
  <si>
    <t>〒252-0154</t>
  </si>
  <si>
    <t>相模原市緑区長竹838-1</t>
    <phoneticPr fontId="1"/>
  </si>
  <si>
    <t>042-784-5133</t>
  </si>
  <si>
    <t>(学)かみや学園</t>
  </si>
  <si>
    <t>ばらの花幼稚園</t>
  </si>
  <si>
    <t>〒252-0157</t>
  </si>
  <si>
    <t>相模原市緑区中野1366</t>
    <phoneticPr fontId="1"/>
  </si>
  <si>
    <t>042-784-0181</t>
  </si>
  <si>
    <t>相模原市中央区</t>
    <rPh sb="4" eb="7">
      <t>チュウオウク</t>
    </rPh>
    <phoneticPr fontId="1"/>
  </si>
  <si>
    <t>あかね幼稚園</t>
  </si>
  <si>
    <t>〒252-0254</t>
  </si>
  <si>
    <t>相模原市中央区下九沢964</t>
  </si>
  <si>
    <t>042-773-0730</t>
  </si>
  <si>
    <t>(学)白鳳学園</t>
  </si>
  <si>
    <t>上田名幼稚園</t>
  </si>
  <si>
    <t>〒252-0244</t>
  </si>
  <si>
    <t>相模原市中央区田名5266-1</t>
  </si>
  <si>
    <t>042-761-6856</t>
  </si>
  <si>
    <t>(学)立城学園</t>
  </si>
  <si>
    <t>小山白ゆり幼稚園</t>
  </si>
  <si>
    <t>〒252-0211</t>
  </si>
  <si>
    <t>相模原市中央区宮下本町３丁目4-12</t>
  </si>
  <si>
    <t>042-773-8241</t>
  </si>
  <si>
    <t>(学)山崎学園</t>
  </si>
  <si>
    <t>けやきの子幼稚園</t>
  </si>
  <si>
    <t>〒252-0243</t>
  </si>
  <si>
    <t>相模原市中央区上溝382-3</t>
  </si>
  <si>
    <t>042-778-3704</t>
  </si>
  <si>
    <t>(学)佐藤学園</t>
  </si>
  <si>
    <t>相模栄光幼稚園</t>
  </si>
  <si>
    <t>〒252-0232</t>
  </si>
  <si>
    <t>相模原市中央区矢部３丁目11-13</t>
  </si>
  <si>
    <t>042-752-8040</t>
  </si>
  <si>
    <t>(学)永井学院</t>
  </si>
  <si>
    <t>相模白ゆり幼稚園</t>
  </si>
  <si>
    <t>相模原市中央区矢部４丁目1-20</t>
  </si>
  <si>
    <t>042-752-2328</t>
  </si>
  <si>
    <t>(宗)日本基督教団相模原教会</t>
  </si>
  <si>
    <t>相模つばさ幼稚園</t>
  </si>
  <si>
    <t>〒252-0206</t>
  </si>
  <si>
    <t>相模原市中央区淵野辺２丁目22-7</t>
  </si>
  <si>
    <t>042-753-2196</t>
  </si>
  <si>
    <t>(学)つばさ学園</t>
  </si>
  <si>
    <t>清心幼稚園</t>
  </si>
  <si>
    <t>〒252-0216</t>
  </si>
  <si>
    <t>相模原市中央区清新３丁目14-16</t>
  </si>
  <si>
    <t>042-754-5290</t>
  </si>
  <si>
    <t>(学)黛学園</t>
  </si>
  <si>
    <t>たけのうち幼稚園</t>
  </si>
  <si>
    <t>〒252-0203</t>
  </si>
  <si>
    <t>相模原市中央区東淵野辺４丁目23-20</t>
  </si>
  <si>
    <t>042-756-5978</t>
  </si>
  <si>
    <t>(学)小磯学園</t>
  </si>
  <si>
    <t>田名幼稚園</t>
  </si>
  <si>
    <t>〒252-0246</t>
  </si>
  <si>
    <t>相模原市中央区水郷田名１丁目16-3</t>
  </si>
  <si>
    <t>042-761-1606</t>
  </si>
  <si>
    <t>(学)宗祐寺学園</t>
  </si>
  <si>
    <t>中央幼稚園</t>
  </si>
  <si>
    <t>〒252-0227</t>
  </si>
  <si>
    <t>相模原市中央区光が丘２丁目24-1</t>
  </si>
  <si>
    <t>042-755-0391</t>
  </si>
  <si>
    <t>(学)相模中央学園</t>
  </si>
  <si>
    <t>虹ケ丘幼稚園</t>
  </si>
  <si>
    <t>〒252-0226</t>
  </si>
  <si>
    <t>相模原市中央区陽光台６丁目3-2</t>
  </si>
  <si>
    <t>042-755-3263</t>
  </si>
  <si>
    <t>(学)杉並学園</t>
  </si>
  <si>
    <t>渕野辺ひばり幼稚園</t>
  </si>
  <si>
    <t>相模原市中央区淵野辺４丁目31-7</t>
  </si>
  <si>
    <t>042-755-0394</t>
  </si>
  <si>
    <t>(学)八木学園</t>
  </si>
  <si>
    <t>星が丘幼稚園</t>
  </si>
  <si>
    <t>〒252-0238</t>
  </si>
  <si>
    <t>相模原市中央区星が丘３丁目5-10</t>
  </si>
  <si>
    <t>042-752-4842</t>
  </si>
  <si>
    <t>(学)桐生学園</t>
  </si>
  <si>
    <t>みずほ幼稚園</t>
  </si>
  <si>
    <t>相模原市中央区上溝７丁目31-4</t>
  </si>
  <si>
    <t>042-762-2289</t>
  </si>
  <si>
    <t>(学)協同学園</t>
  </si>
  <si>
    <t>弥生幼稚園</t>
  </si>
  <si>
    <t>〒252-0236</t>
  </si>
  <si>
    <t>相模原市中央区富士見３丁目12-19</t>
  </si>
  <si>
    <t>042-755-4575</t>
  </si>
  <si>
    <t>(学)弥生学園</t>
  </si>
  <si>
    <t>よこやま幼稚園</t>
  </si>
  <si>
    <t>〒252-0241</t>
  </si>
  <si>
    <t>相模原市中央区横山台２丁目10-8</t>
  </si>
  <si>
    <t>042-755-5603</t>
  </si>
  <si>
    <t>(学)藤栄学園</t>
  </si>
  <si>
    <t>相模原市南区</t>
    <phoneticPr fontId="1"/>
  </si>
  <si>
    <t>うのもり幼稚園</t>
  </si>
  <si>
    <t>〒252-0301</t>
  </si>
  <si>
    <t>相模原市南区鵜野森２丁目11-1</t>
  </si>
  <si>
    <t>042-743-3597</t>
  </si>
  <si>
    <t>(学)相模原学園</t>
  </si>
  <si>
    <t>大野文化幼稚園</t>
  </si>
  <si>
    <t>〒252-0331</t>
  </si>
  <si>
    <t>相模原市南区大野台５丁目1-11</t>
  </si>
  <si>
    <t>042-756-1218</t>
  </si>
  <si>
    <t>(学)大野学園</t>
  </si>
  <si>
    <t>相模すぎのこ幼稚園</t>
  </si>
  <si>
    <t>〒252-0344</t>
  </si>
  <si>
    <t>相模原市南区古淵３丁目26-19</t>
  </si>
  <si>
    <t>042-744-0503</t>
  </si>
  <si>
    <t>(学)日高学園</t>
  </si>
  <si>
    <t>相模原高等学校付属光明幼稚園</t>
    <rPh sb="3" eb="5">
      <t>コウトウ</t>
    </rPh>
    <rPh sb="5" eb="7">
      <t>ガッコウ</t>
    </rPh>
    <rPh sb="7" eb="9">
      <t>フゾク</t>
    </rPh>
    <phoneticPr fontId="1"/>
  </si>
  <si>
    <t>〒252-0336</t>
  </si>
  <si>
    <t>相模原市南区当麻870-6</t>
  </si>
  <si>
    <t>042-778-2846</t>
  </si>
  <si>
    <t>(学)光明学園</t>
  </si>
  <si>
    <t>さがみひかり幼稚園</t>
  </si>
  <si>
    <t>〒252-0328</t>
  </si>
  <si>
    <t>相模原市南区麻溝台５丁目11-6</t>
  </si>
  <si>
    <t>042-742-3479</t>
  </si>
  <si>
    <t>(学)深沢学園</t>
  </si>
  <si>
    <t>相模ひまわり幼稚園</t>
  </si>
  <si>
    <t>〒252-0333</t>
  </si>
  <si>
    <t>相模原市南区東大沼２丁目7-6</t>
  </si>
  <si>
    <t>042-744-0220</t>
  </si>
  <si>
    <t>(学)至誠学園</t>
    <rPh sb="1" eb="2">
      <t>ガク</t>
    </rPh>
    <rPh sb="3" eb="4">
      <t>イタ</t>
    </rPh>
    <rPh sb="4" eb="5">
      <t>マコト</t>
    </rPh>
    <rPh sb="5" eb="7">
      <t>ガクエン</t>
    </rPh>
    <phoneticPr fontId="1"/>
  </si>
  <si>
    <t>相模翠ヶ丘幼稚園</t>
  </si>
  <si>
    <t>〒252-0312</t>
  </si>
  <si>
    <t>相模原市南区相南２丁目25-65</t>
  </si>
  <si>
    <t>042-742-1593</t>
  </si>
  <si>
    <t>(宗)日本基督教団翠ヶ丘教会</t>
  </si>
  <si>
    <t>誠心相陽幼稚園</t>
  </si>
  <si>
    <t>〒252-0327</t>
  </si>
  <si>
    <t>相模原市南区磯部1648</t>
  </si>
  <si>
    <t>046-254-5192</t>
  </si>
  <si>
    <t>(学)誠心学園</t>
  </si>
  <si>
    <t>誠心第一幼稚園</t>
  </si>
  <si>
    <t>〒252-0332</t>
  </si>
  <si>
    <t>相模原市南区西大沼５丁目13-17</t>
  </si>
  <si>
    <t>042-748-8735</t>
  </si>
  <si>
    <t>(学)溝渕学園</t>
    <rPh sb="1" eb="2">
      <t>ガク</t>
    </rPh>
    <rPh sb="3" eb="5">
      <t>ミゾフチ</t>
    </rPh>
    <rPh sb="5" eb="7">
      <t>ガクエン</t>
    </rPh>
    <phoneticPr fontId="1"/>
  </si>
  <si>
    <t>誠心第二幼稚園</t>
  </si>
  <si>
    <t>〒252-0321</t>
  </si>
  <si>
    <t>相模原市南区相模台６丁目30-12</t>
  </si>
  <si>
    <t>042-743-0403</t>
  </si>
  <si>
    <t>相武台中央幼稚園</t>
  </si>
  <si>
    <t>〒252-0323</t>
  </si>
  <si>
    <t>相模原市南区相武台団地２丁目3-6</t>
  </si>
  <si>
    <t>046-251-2030</t>
  </si>
  <si>
    <t>つくしの幼稚園</t>
  </si>
  <si>
    <t>〒252-0325</t>
  </si>
  <si>
    <t>相模原市南区新磯野３丁目22-16</t>
  </si>
  <si>
    <t>046-254-3614</t>
  </si>
  <si>
    <t>(学)川崎学園</t>
  </si>
  <si>
    <t>豊泉幼稚園</t>
  </si>
  <si>
    <t>相模原市南区相模台２丁目9-4</t>
  </si>
  <si>
    <t>042-744-1539</t>
  </si>
  <si>
    <t>(学)佐藤学院</t>
  </si>
  <si>
    <t>南大野幼稚園</t>
  </si>
  <si>
    <t>〒252-0302</t>
  </si>
  <si>
    <t>相模原市南区上鶴間１丁目3-1</t>
  </si>
  <si>
    <t>042-742-8822</t>
  </si>
  <si>
    <t>(学)岩本学園</t>
  </si>
  <si>
    <t>谷口幼稚園</t>
  </si>
  <si>
    <t>〒252-0318</t>
  </si>
  <si>
    <t>相模原市南区上鶴間本町４丁目33-49</t>
  </si>
  <si>
    <t>042-742-9661</t>
  </si>
  <si>
    <t>(学)心宝学園</t>
  </si>
  <si>
    <t>林間のぞみ幼稚園</t>
  </si>
  <si>
    <t>〒252-0311</t>
  </si>
  <si>
    <t>相模原市南区東林間６丁目5-2</t>
  </si>
  <si>
    <t>042-742-3394</t>
  </si>
  <si>
    <t>(学)林間のぞみ幼稚園</t>
  </si>
  <si>
    <t>横須賀市</t>
  </si>
  <si>
    <t>〒238-0014</t>
  </si>
  <si>
    <t>認定こども園あさひ幼稚園</t>
    <rPh sb="0" eb="2">
      <t>ニンテイ</t>
    </rPh>
    <rPh sb="5" eb="6">
      <t>エン</t>
    </rPh>
    <phoneticPr fontId="1"/>
  </si>
  <si>
    <t>〒238-0022</t>
  </si>
  <si>
    <t>横須賀市公郷町２丁目18-3</t>
  </si>
  <si>
    <t>046-851-2530</t>
  </si>
  <si>
    <t>(学)和光学院</t>
  </si>
  <si>
    <t>小林  章人</t>
  </si>
  <si>
    <t>岩波幼稚園</t>
  </si>
  <si>
    <t>〒239-0813</t>
  </si>
  <si>
    <t>横須賀市鴨居２丁目56-12</t>
  </si>
  <si>
    <t>046-841-2188</t>
  </si>
  <si>
    <t>(学)岩波学園</t>
  </si>
  <si>
    <t>大津幼稚園</t>
  </si>
  <si>
    <t>〒239-0808</t>
  </si>
  <si>
    <t>横須賀市大津町３丁目29-26</t>
  </si>
  <si>
    <t>046-836-3584</t>
  </si>
  <si>
    <t>(学)大津学園</t>
  </si>
  <si>
    <t>認定こども園 かもいようちえん</t>
  </si>
  <si>
    <t>横須賀市鴨居３丁目9-1</t>
  </si>
  <si>
    <t>046-841-1491</t>
  </si>
  <si>
    <t>(学)鴨居学園</t>
  </si>
  <si>
    <t>今井  恵子</t>
    <phoneticPr fontId="1"/>
  </si>
  <si>
    <t>今井  恵子</t>
  </si>
  <si>
    <t>〒239-0831</t>
  </si>
  <si>
    <t>横須賀市久里浜２丁目9-1</t>
  </si>
  <si>
    <t>046-835-6501</t>
  </si>
  <si>
    <t>(学)長安寺学園</t>
  </si>
  <si>
    <t>ケンコウ幼稚園</t>
  </si>
  <si>
    <t>〒239-0812</t>
  </si>
  <si>
    <t>横須賀市小原台31-1</t>
  </si>
  <si>
    <t>046-843-1245</t>
  </si>
  <si>
    <t>(学)木村学園</t>
  </si>
  <si>
    <t>認定こども園湘南栄光幼稚園</t>
    <rPh sb="0" eb="2">
      <t>ニンテイ</t>
    </rPh>
    <rPh sb="5" eb="6">
      <t>エン</t>
    </rPh>
    <phoneticPr fontId="1"/>
  </si>
  <si>
    <t>〒239-0815</t>
  </si>
  <si>
    <t>横須賀市浦上台３丁目29-3</t>
  </si>
  <si>
    <t>046-841-2307</t>
  </si>
  <si>
    <t>(学)小原台学園</t>
  </si>
  <si>
    <t>湘南長沢幼稚園</t>
  </si>
  <si>
    <t>〒239-0846</t>
  </si>
  <si>
    <t>横須賀市グリーンハイツ13-2</t>
  </si>
  <si>
    <t>046-849-6407</t>
  </si>
  <si>
    <t>(学)長岡学園</t>
  </si>
  <si>
    <t>白鳩幼稚園</t>
  </si>
  <si>
    <t>〒237-0068</t>
  </si>
  <si>
    <t>横須賀市追浜本町２丁目1-2</t>
  </si>
  <si>
    <t>046-865-3668</t>
  </si>
  <si>
    <t>(学)千栄学園</t>
  </si>
  <si>
    <t>城北幼稚園</t>
  </si>
  <si>
    <t>〒238-0032</t>
  </si>
  <si>
    <t>横須賀市平作６丁目3-10</t>
  </si>
  <si>
    <t>046-851-3803</t>
  </si>
  <si>
    <t>(学)衣笠学園</t>
  </si>
  <si>
    <t>深愛幼稚園</t>
  </si>
  <si>
    <t>〒238-0031</t>
  </si>
  <si>
    <t>横須賀市衣笠栄町３丁目79</t>
  </si>
  <si>
    <t>046-851-2245</t>
  </si>
  <si>
    <t>(宗)大明寺</t>
  </si>
  <si>
    <t>聖心第一幼稚園</t>
  </si>
  <si>
    <t>〒238-0017</t>
  </si>
  <si>
    <t>横須賀市上町２丁目15</t>
  </si>
  <si>
    <t>046-822-2521</t>
  </si>
  <si>
    <t>(学)聖心学園</t>
  </si>
  <si>
    <t>聖心第二幼稚園</t>
  </si>
  <si>
    <t>〒238-0021</t>
  </si>
  <si>
    <t>横須賀市富士見町３丁目8</t>
  </si>
  <si>
    <t>046-822-6225</t>
  </si>
  <si>
    <t>相武幼稚園</t>
  </si>
  <si>
    <t>〒238-0311</t>
  </si>
  <si>
    <t>横須賀市太田和５丁目2665</t>
  </si>
  <si>
    <t>046-857-1029</t>
  </si>
  <si>
    <t>(学)山田学園</t>
  </si>
  <si>
    <t>田浦幼稚園</t>
  </si>
  <si>
    <t>〒237-0075</t>
  </si>
  <si>
    <t>横須賀市田浦町５丁目51</t>
  </si>
  <si>
    <t>046-861-0720</t>
  </si>
  <si>
    <t>(宗)盛福寺</t>
  </si>
  <si>
    <t>たかとり幼稚園</t>
  </si>
  <si>
    <t>〒237-0066</t>
  </si>
  <si>
    <t>横須賀市湘南鷹取５丁目30-1</t>
  </si>
  <si>
    <t>046-866-0700</t>
  </si>
  <si>
    <t>武山幼稚園</t>
  </si>
  <si>
    <t>横須賀市太田和１丁目12-1</t>
  </si>
  <si>
    <t>046-856-4769</t>
  </si>
  <si>
    <t>(宗)本住寺</t>
  </si>
  <si>
    <t>津久井幼稚園</t>
  </si>
  <si>
    <t>〒239-0843</t>
  </si>
  <si>
    <t>横須賀市津久井１丁目12-28</t>
  </si>
  <si>
    <t>046-848-2414</t>
  </si>
  <si>
    <t>(学)津久井浜学園</t>
  </si>
  <si>
    <t>野比幼稚園</t>
  </si>
  <si>
    <t>〒239-0841</t>
  </si>
  <si>
    <t>横須賀市野比１丁目4-1</t>
  </si>
  <si>
    <t>046-848-7932</t>
  </si>
  <si>
    <t>(宗)称名寺</t>
  </si>
  <si>
    <t>まぼり幼稚園</t>
  </si>
  <si>
    <t>〒239-0801</t>
  </si>
  <si>
    <t>横須賀市馬堀海岸３丁目11-1</t>
  </si>
  <si>
    <t>046-841-6762</t>
  </si>
  <si>
    <t>三笠幼稚園</t>
  </si>
  <si>
    <t>〒238-0003</t>
  </si>
  <si>
    <t>横須賀市稲岡町82-9</t>
  </si>
  <si>
    <t>046-823-1273</t>
  </si>
  <si>
    <t>南横須賀幼稚園</t>
  </si>
  <si>
    <t>〒239-0806</t>
  </si>
  <si>
    <t>横須賀市池田町２丁目9-17</t>
  </si>
  <si>
    <t>046-834-0603</t>
  </si>
  <si>
    <t>(学)白井学園</t>
  </si>
  <si>
    <t>三春幼稚園</t>
  </si>
  <si>
    <t>横須賀市三春町１丁目34</t>
  </si>
  <si>
    <t>046-822-1582</t>
  </si>
  <si>
    <t>(宗)浄蓮寺</t>
  </si>
  <si>
    <t>横須賀上町教会附属めぐみ幼稚園</t>
  </si>
  <si>
    <t>横須賀市上町２丁目43</t>
  </si>
  <si>
    <t>046-822-2594</t>
  </si>
  <si>
    <t>(宗)日本基督教団横須賀上町教会</t>
  </si>
  <si>
    <t>横須賀若草幼稚園</t>
  </si>
  <si>
    <t>〒238-0023</t>
  </si>
  <si>
    <t>横須賀市森崎２丁目13-3</t>
  </si>
  <si>
    <t>046-836-0526</t>
  </si>
  <si>
    <t>(学)横須賀石渡学園</t>
  </si>
  <si>
    <t>横須賀若葉幼稚園</t>
  </si>
  <si>
    <t>〒238-0034</t>
  </si>
  <si>
    <t>横須賀市金谷１丁目5-8</t>
  </si>
  <si>
    <t>046-852-0779</t>
  </si>
  <si>
    <t>(学)横須賀学園</t>
  </si>
  <si>
    <t>平塚市</t>
  </si>
  <si>
    <t>育英幼稚園</t>
  </si>
  <si>
    <t>〒254-0915</t>
  </si>
  <si>
    <t>0463-33-2215</t>
  </si>
  <si>
    <t>(学)万田学園</t>
  </si>
  <si>
    <t>〒254-0012</t>
  </si>
  <si>
    <t>平塚市大神五丁目12番１号</t>
    <rPh sb="5" eb="8">
      <t>ゴチョウメ</t>
    </rPh>
    <rPh sb="10" eb="11">
      <t>バン</t>
    </rPh>
    <rPh sb="12" eb="13">
      <t>ゴウ</t>
    </rPh>
    <phoneticPr fontId="1"/>
  </si>
  <si>
    <t>0463-54-3288</t>
  </si>
  <si>
    <t>(学)新藤学園</t>
  </si>
  <si>
    <t>認定こども園神田幼稚園</t>
    <rPh sb="0" eb="2">
      <t>ニンテイ</t>
    </rPh>
    <rPh sb="5" eb="6">
      <t>エン</t>
    </rPh>
    <phoneticPr fontId="1"/>
  </si>
  <si>
    <t>平塚市大神一丁目１番18号</t>
    <rPh sb="5" eb="8">
      <t>イッチョウメ</t>
    </rPh>
    <rPh sb="9" eb="10">
      <t>バン</t>
    </rPh>
    <rPh sb="12" eb="13">
      <t>ゴウ</t>
    </rPh>
    <phoneticPr fontId="1"/>
  </si>
  <si>
    <t>0463-55-0841</t>
  </si>
  <si>
    <t>(学)双葉</t>
    <rPh sb="3" eb="5">
      <t>フタバ</t>
    </rPh>
    <phoneticPr fontId="1"/>
  </si>
  <si>
    <t>黒部丘幼稚園</t>
  </si>
  <si>
    <t>〒254-0821</t>
  </si>
  <si>
    <t>平塚市黒部丘27-4</t>
  </si>
  <si>
    <t>0463-79-5733</t>
    <phoneticPr fontId="1"/>
  </si>
  <si>
    <t>(学)ミヅホ学園</t>
  </si>
  <si>
    <t>さきとり幼稚園</t>
  </si>
  <si>
    <t>〒254-0014</t>
  </si>
  <si>
    <t>平塚市四之宮４丁目14-22</t>
    <phoneticPr fontId="1"/>
  </si>
  <si>
    <t>0463-54-3558</t>
  </si>
  <si>
    <t>(学)前鳥学園</t>
  </si>
  <si>
    <t>〒259-1206</t>
  </si>
  <si>
    <t>平塚市真田４丁目10-15</t>
    <phoneticPr fontId="1"/>
  </si>
  <si>
    <t>0463-58-0001</t>
  </si>
  <si>
    <t>清水学園付属幼稚園</t>
  </si>
  <si>
    <t>〒254-0904</t>
  </si>
  <si>
    <t>平塚市根坂間645</t>
  </si>
  <si>
    <t>0463-58-8080</t>
  </si>
  <si>
    <t>(学)清水学園</t>
  </si>
  <si>
    <t>湘南桜ケ丘幼稚園</t>
  </si>
  <si>
    <t>〒254-0053</t>
  </si>
  <si>
    <t>平塚市桜ヶ丘9-17</t>
  </si>
  <si>
    <t>0463-31-2623</t>
  </si>
  <si>
    <t>(学)久保田学園</t>
  </si>
  <si>
    <t>つくし幼稚園</t>
  </si>
  <si>
    <t>〒259-1214</t>
  </si>
  <si>
    <t>平塚市飯島下ノ町6</t>
  </si>
  <si>
    <t>0463-58-7111</t>
  </si>
  <si>
    <t>(学)尾崎学園</t>
  </si>
  <si>
    <t>つるみね幼稚園</t>
  </si>
  <si>
    <t>〒254-0041</t>
  </si>
  <si>
    <t>平塚市浅間町1-6</t>
  </si>
  <si>
    <t>0463-22-2007</t>
  </si>
  <si>
    <t>(宗)平塚八幡宮</t>
  </si>
  <si>
    <t>認定こども園道和幼稚園</t>
    <rPh sb="0" eb="2">
      <t>ニンテイ</t>
    </rPh>
    <rPh sb="5" eb="6">
      <t>エン</t>
    </rPh>
    <phoneticPr fontId="1"/>
  </si>
  <si>
    <t>〒254-0051</t>
  </si>
  <si>
    <t>平塚市豊原町26-24</t>
  </si>
  <si>
    <t>0463-31-0595</t>
  </si>
  <si>
    <t>(学)道和学園</t>
  </si>
  <si>
    <t>白鳥幼稚園</t>
  </si>
  <si>
    <t>〒254-0903</t>
  </si>
  <si>
    <t>平塚市河内399</t>
  </si>
  <si>
    <t>0463-32-7875</t>
  </si>
  <si>
    <t>(学)小林学園</t>
    <phoneticPr fontId="1"/>
  </si>
  <si>
    <t>花乃幼稚園</t>
  </si>
  <si>
    <t>〒259-1216</t>
  </si>
  <si>
    <t>平塚市入野138</t>
  </si>
  <si>
    <t>0463-32-0086</t>
  </si>
  <si>
    <t>(学)千脩花乃学園</t>
    <rPh sb="3" eb="4">
      <t>セン</t>
    </rPh>
    <rPh sb="4" eb="5">
      <t>シュウ</t>
    </rPh>
    <rPh sb="5" eb="6">
      <t>ハナ</t>
    </rPh>
    <rPh sb="6" eb="7">
      <t>ノ</t>
    </rPh>
    <rPh sb="7" eb="9">
      <t>ガクエン</t>
    </rPh>
    <phoneticPr fontId="1"/>
  </si>
  <si>
    <t>平岡幼稚園</t>
  </si>
  <si>
    <t>〒259-1212</t>
  </si>
  <si>
    <t>平塚市岡崎3024</t>
  </si>
  <si>
    <t>0463-58-1188</t>
  </si>
  <si>
    <t>(学)平岡学園</t>
  </si>
  <si>
    <t>宗教法人日本基督教団平塚教会附属平塚二葉幼稚園</t>
    <phoneticPr fontId="1"/>
  </si>
  <si>
    <t>〒254-0045</t>
  </si>
  <si>
    <t>平塚市見附町6-18</t>
  </si>
  <si>
    <t>0463-31-0864</t>
  </si>
  <si>
    <t>(宗)日本基督教団平塚教会</t>
  </si>
  <si>
    <t>平塚めぐみ幼稚園</t>
  </si>
  <si>
    <t>〒254-0901</t>
  </si>
  <si>
    <t>平塚市纒100-2</t>
  </si>
  <si>
    <t>0463-32-3422</t>
  </si>
  <si>
    <t>(学)青木学園</t>
  </si>
  <si>
    <t>松風幼稚園</t>
  </si>
  <si>
    <t>〒254-0812</t>
  </si>
  <si>
    <t>平塚市松風町5-27</t>
  </si>
  <si>
    <t>0463-22-0558</t>
  </si>
  <si>
    <t>(学)平塚学園</t>
  </si>
  <si>
    <t>鎌倉市</t>
  </si>
  <si>
    <t>おおぞら幼稚園</t>
  </si>
  <si>
    <t>〒247-0056</t>
  </si>
  <si>
    <t>鎌倉市大船５丁目10-35</t>
  </si>
  <si>
    <t>0467-46-2932</t>
  </si>
  <si>
    <t>(学)北鎌倉学園</t>
  </si>
  <si>
    <t>大船カトリック幼稚園</t>
  </si>
  <si>
    <t>鎌倉市大船２丁目1-34</t>
  </si>
  <si>
    <t>0467-46-7395</t>
  </si>
  <si>
    <t>片岡幼稚園</t>
  </si>
  <si>
    <t>〒248-0036</t>
  </si>
  <si>
    <t>鎌倉市手広１丁目11-32</t>
  </si>
  <si>
    <t>0467-31-5875</t>
  </si>
  <si>
    <t>(学)片岡学園</t>
  </si>
  <si>
    <t>かまくら幼稚園</t>
  </si>
  <si>
    <t>〒248-0003</t>
  </si>
  <si>
    <t>鎌倉市浄明寺６丁目19-1</t>
  </si>
  <si>
    <t>0467-25-2391</t>
  </si>
  <si>
    <t>鎌倉いずみ幼稚園</t>
  </si>
  <si>
    <t>〒248-0013</t>
  </si>
  <si>
    <t>鎌倉市材木座３丁目3-7</t>
  </si>
  <si>
    <t>0467-22-3046</t>
  </si>
  <si>
    <t>(学)勝田学園</t>
  </si>
  <si>
    <t>鎌倉しろやま幼稚園</t>
  </si>
  <si>
    <t>〒247-0074</t>
  </si>
  <si>
    <t>鎌倉市城廻479</t>
  </si>
  <si>
    <t>0467-45-2467</t>
  </si>
  <si>
    <t>(学)石井学園</t>
  </si>
  <si>
    <t>江ノ島ともだち幼稚園</t>
    <rPh sb="0" eb="1">
      <t>エ</t>
    </rPh>
    <rPh sb="2" eb="3">
      <t>シマ</t>
    </rPh>
    <phoneticPr fontId="1"/>
  </si>
  <si>
    <t>〒248-0033</t>
  </si>
  <si>
    <t>鎌倉市腰越３丁目18-9</t>
  </si>
  <si>
    <t>0467-31-6905</t>
  </si>
  <si>
    <t>(学)ともだち</t>
  </si>
  <si>
    <t>北鎌倉幼稚園</t>
  </si>
  <si>
    <t>〒247-0062</t>
  </si>
  <si>
    <t>鎌倉市山ノ内483</t>
  </si>
  <si>
    <t>0467-22-3575</t>
  </si>
  <si>
    <t>(宗)円覚寺</t>
  </si>
  <si>
    <t>鎌倉女子大学幼稚部</t>
  </si>
  <si>
    <t>〒247-8511</t>
  </si>
  <si>
    <t>鎌倉市岩瀬1420</t>
  </si>
  <si>
    <t>0467-44-2200</t>
  </si>
  <si>
    <t>(学)鎌倉女子大学</t>
  </si>
  <si>
    <t>七里ガ浜楓幼稚園</t>
  </si>
  <si>
    <t>〒248-0025</t>
  </si>
  <si>
    <t>鎌倉市七里ガ浜東３丁目13-12</t>
  </si>
  <si>
    <t>0467-31-2626</t>
  </si>
  <si>
    <t>(学)清栄学園</t>
  </si>
  <si>
    <t>聖路加幼稚園</t>
  </si>
  <si>
    <t>〒248-0024</t>
  </si>
  <si>
    <t>鎌倉市稲村ガ崎４丁目2-5</t>
  </si>
  <si>
    <t>0467-22-3673</t>
  </si>
  <si>
    <t>(学)稲村ヶ﨑学園</t>
    <rPh sb="6" eb="7">
      <t>サキ</t>
    </rPh>
    <phoneticPr fontId="1"/>
  </si>
  <si>
    <t>玉縄幼稚園</t>
  </si>
  <si>
    <t>〒247-0073</t>
  </si>
  <si>
    <t>鎌倉市植木129</t>
  </si>
  <si>
    <t>0467-46-7673</t>
  </si>
  <si>
    <t>(宗)龍寳寺</t>
  </si>
  <si>
    <t>鶴岡幼稚園</t>
  </si>
  <si>
    <t>〒248-8588</t>
  </si>
  <si>
    <t>鎌倉市雪ノ下２丁目1-31</t>
  </si>
  <si>
    <t>0467-22-0315</t>
  </si>
  <si>
    <t>(宗)鶴岡八幡宮</t>
  </si>
  <si>
    <t>西鎌倉幼稚園</t>
  </si>
  <si>
    <t>〒248-0035</t>
  </si>
  <si>
    <t>鎌倉市西鎌倉２丁目17-1</t>
  </si>
  <si>
    <t>0467-32-6754</t>
  </si>
  <si>
    <t>(学)西鎌倉学園</t>
  </si>
  <si>
    <t>長谷幼稚園</t>
  </si>
  <si>
    <t>〒248-0016</t>
  </si>
  <si>
    <t>鎌倉市長谷３丁目8-38</t>
  </si>
  <si>
    <t>0467-24-2310</t>
  </si>
  <si>
    <t>(学)朗峰学園</t>
  </si>
  <si>
    <t>ハリス記念鎌倉幼稚園</t>
  </si>
  <si>
    <t>〒248-0014</t>
  </si>
  <si>
    <t>鎌倉市由比ガ浜２丁目2-33</t>
  </si>
  <si>
    <t>0467-23-3207</t>
  </si>
  <si>
    <t>(学)日本基督教団鎌倉教会学園</t>
    <rPh sb="1" eb="2">
      <t>ガク</t>
    </rPh>
    <rPh sb="13" eb="15">
      <t>ガクエン</t>
    </rPh>
    <phoneticPr fontId="1"/>
  </si>
  <si>
    <t>ひがし幼稚園</t>
  </si>
  <si>
    <t>鎌倉市大船６丁目10-10</t>
  </si>
  <si>
    <t>0467-45-1402</t>
  </si>
  <si>
    <t>(学)大船いしい学園</t>
  </si>
  <si>
    <t>比企谷幼稚園</t>
  </si>
  <si>
    <t>〒248-0007</t>
  </si>
  <si>
    <t>鎌倉市大町１丁目13-10</t>
  </si>
  <si>
    <t>0467-22-1687</t>
  </si>
  <si>
    <t>(学)比企谷学園</t>
  </si>
  <si>
    <t>モンタナ幼稚園</t>
  </si>
  <si>
    <t>〒248-0032</t>
  </si>
  <si>
    <t>鎌倉市津550</t>
  </si>
  <si>
    <t>0467-32-5741</t>
  </si>
  <si>
    <t>(学)聖トマ学園</t>
    <rPh sb="3" eb="4">
      <t>セイ</t>
    </rPh>
    <rPh sb="6" eb="8">
      <t>ガクエン</t>
    </rPh>
    <phoneticPr fontId="5"/>
  </si>
  <si>
    <t>藤沢市</t>
  </si>
  <si>
    <t>青木幼稚園</t>
  </si>
  <si>
    <t>〒252-0805</t>
  </si>
  <si>
    <t>藤沢市円行２丁目10-13</t>
  </si>
  <si>
    <t>0466-45-9811</t>
  </si>
  <si>
    <t>(学)俊幸学園</t>
  </si>
  <si>
    <t>〒252-0816</t>
  </si>
  <si>
    <t>藤沢市遠藤2958-3</t>
  </si>
  <si>
    <t>0466-87-6055</t>
  </si>
  <si>
    <t>(学)秋葉台学園</t>
  </si>
  <si>
    <t>大庭城山幼稚園</t>
  </si>
  <si>
    <t>〒251-0861</t>
  </si>
  <si>
    <t>藤沢市大庭5233-1</t>
  </si>
  <si>
    <t>0466-87-9120</t>
  </si>
  <si>
    <t>(学)井上学園</t>
  </si>
  <si>
    <t>片瀬のぞみ幼稚園</t>
  </si>
  <si>
    <t>〒251-0032</t>
  </si>
  <si>
    <t>藤沢市片瀬４丁目3-14</t>
  </si>
  <si>
    <t>0466-22-4637</t>
  </si>
  <si>
    <t>(宗)日本基督教団片瀬教会</t>
  </si>
  <si>
    <t>鵠沼めぐみルーテル幼稚園</t>
  </si>
  <si>
    <t>〒251-0038</t>
  </si>
  <si>
    <t>藤沢市鵠沼松が岡１丁目1-6</t>
  </si>
  <si>
    <t>0466-22-3574</t>
  </si>
  <si>
    <t>(宗)日本ルーテル教団</t>
  </si>
  <si>
    <t>鵠沼幼稚園</t>
  </si>
  <si>
    <t>〒251-0027</t>
  </si>
  <si>
    <t>藤沢市鵠沼桜が岡３丁目5-20</t>
  </si>
  <si>
    <t>0466-22-5321</t>
  </si>
  <si>
    <t>(学)鵠沼学園</t>
  </si>
  <si>
    <t>藤沢市遠藤641-13</t>
  </si>
  <si>
    <t>0466-87-8040</t>
  </si>
  <si>
    <t>相模幼稚園</t>
  </si>
  <si>
    <t>〒252-0807</t>
  </si>
  <si>
    <t>藤沢市下土棚550</t>
  </si>
  <si>
    <t>0466-44-0005</t>
  </si>
  <si>
    <t>(学)相模学園</t>
  </si>
  <si>
    <t>湘南学園幼稚園</t>
  </si>
  <si>
    <t>〒251-8505</t>
  </si>
  <si>
    <t>藤沢市鵠沼松が岡４丁目1-32</t>
  </si>
  <si>
    <t>0466-23-6611</t>
  </si>
  <si>
    <t>(学)湘南学園</t>
  </si>
  <si>
    <t>湘南白百合学園幼稚園</t>
  </si>
  <si>
    <t>〒251-0035</t>
  </si>
  <si>
    <t>藤沢市片瀬海岸２丁目10-1</t>
    <phoneticPr fontId="1"/>
  </si>
  <si>
    <t>0466-22-4432</t>
  </si>
  <si>
    <t>(学)湘南白百合学園</t>
  </si>
  <si>
    <t>湘南台幼稚園</t>
  </si>
  <si>
    <t>〒252-0804</t>
  </si>
  <si>
    <t>藤沢市湘南台７丁目11-10</t>
  </si>
  <si>
    <t>0466-44-5863</t>
  </si>
  <si>
    <t>(学)湘南台学園</t>
  </si>
  <si>
    <t>湘南みどりが丘幼稚園</t>
  </si>
  <si>
    <t>〒252-0802</t>
  </si>
  <si>
    <t>藤沢市高倉485-1</t>
  </si>
  <si>
    <t>0466-43-1226</t>
  </si>
  <si>
    <t>(学)冨田学園</t>
  </si>
  <si>
    <t>聖マルコ幼稚園</t>
  </si>
  <si>
    <t>〒251-0037</t>
  </si>
  <si>
    <t>藤沢市鵠沼海岸７丁目10-20</t>
  </si>
  <si>
    <t>0466-34-5315</t>
  </si>
  <si>
    <t>(宗)日本聖公会横浜教区</t>
  </si>
  <si>
    <t>聖和学院第二幼稚園</t>
  </si>
  <si>
    <t>〒251-0047</t>
  </si>
  <si>
    <t>藤沢市辻堂６丁目18-11</t>
  </si>
  <si>
    <t>0466-36-0406</t>
  </si>
  <si>
    <t>(学)聖和学院</t>
  </si>
  <si>
    <t>善行森の幼稚園</t>
  </si>
  <si>
    <t>〒252-0815</t>
  </si>
  <si>
    <t>藤沢市石川3914-1</t>
  </si>
  <si>
    <t>0466-82-1515</t>
  </si>
  <si>
    <t>(学)善行学院</t>
  </si>
  <si>
    <t>つかさ幼稚園</t>
  </si>
  <si>
    <t>藤沢市高倉字中島1039</t>
  </si>
  <si>
    <t>0466-43-6025</t>
  </si>
  <si>
    <t>(学)沢野学園</t>
  </si>
  <si>
    <t>辻堂二葉幼稚園</t>
  </si>
  <si>
    <t>〒251-0043</t>
  </si>
  <si>
    <t>藤沢市辻堂元町４丁目13-3</t>
  </si>
  <si>
    <t>0466-34-4128</t>
  </si>
  <si>
    <t>(学)愛恵学園</t>
  </si>
  <si>
    <t>のぞみ幼稚園</t>
  </si>
  <si>
    <t>藤沢市辻堂６丁目18-36</t>
  </si>
  <si>
    <t>0466-34-9511</t>
  </si>
  <si>
    <t>(学)のぞみ学園</t>
  </si>
  <si>
    <t>広田幼稚園</t>
  </si>
  <si>
    <t>藤沢市湘南台５丁目28-1</t>
  </si>
  <si>
    <t>0466-44-6335</t>
  </si>
  <si>
    <t>(学)広田学園</t>
  </si>
  <si>
    <t>富士幼稚園</t>
  </si>
  <si>
    <t>〒251-0028</t>
  </si>
  <si>
    <t>藤沢市本鵠沼１丁目3-7</t>
  </si>
  <si>
    <t>0466-23-2272</t>
  </si>
  <si>
    <t>(学)森井学園</t>
  </si>
  <si>
    <t>ふじがおか幼稚園</t>
  </si>
  <si>
    <t>〒251-0004</t>
  </si>
  <si>
    <t>藤沢市藤が岡３丁目8-10</t>
  </si>
  <si>
    <t>0466-23-3263</t>
  </si>
  <si>
    <t>池田  清</t>
    <rPh sb="4" eb="5">
      <t>キヨ</t>
    </rPh>
    <phoneticPr fontId="1"/>
  </si>
  <si>
    <t>ふじがおか第二幼稚園</t>
  </si>
  <si>
    <t>藤沢市藤が岡３丁目13-8</t>
  </si>
  <si>
    <t>0466-25-3101</t>
  </si>
  <si>
    <t>(学)池田学園</t>
    <rPh sb="3" eb="5">
      <t>イケダ</t>
    </rPh>
    <phoneticPr fontId="1"/>
  </si>
  <si>
    <t>藤沢いずみ幼稚園</t>
  </si>
  <si>
    <t>〒252-0813</t>
  </si>
  <si>
    <t>藤沢市亀井野3224</t>
  </si>
  <si>
    <t>0466-81-2808</t>
  </si>
  <si>
    <t>(学)神崎学園</t>
  </si>
  <si>
    <t>藤沢若葉幼稚園</t>
  </si>
  <si>
    <t>藤沢市大庭5055-22</t>
  </si>
  <si>
    <t>0466-87-4908</t>
  </si>
  <si>
    <t>(学)大竹学園</t>
  </si>
  <si>
    <t>みくに幼稚園</t>
  </si>
  <si>
    <t>〒251-0023</t>
  </si>
  <si>
    <t>藤沢市鵠沼花沢町2-5</t>
  </si>
  <si>
    <t>0466-23-1893</t>
  </si>
  <si>
    <t>(宗)日本基督教団藤沢教会</t>
  </si>
  <si>
    <t>聖園女学院附属聖園幼稚園</t>
    <rPh sb="0" eb="2">
      <t>ミソノ</t>
    </rPh>
    <rPh sb="2" eb="5">
      <t>ジョガクイン</t>
    </rPh>
    <rPh sb="5" eb="7">
      <t>フゾク</t>
    </rPh>
    <rPh sb="7" eb="9">
      <t>ミソノ</t>
    </rPh>
    <phoneticPr fontId="1"/>
  </si>
  <si>
    <t>〒251-0053</t>
  </si>
  <si>
    <t>藤沢市本町４丁目8-7</t>
  </si>
  <si>
    <t>0466-22-2636</t>
  </si>
  <si>
    <t>(学)南山学園</t>
    <rPh sb="3" eb="5">
      <t>ナンザン</t>
    </rPh>
    <rPh sb="5" eb="7">
      <t>ガクエン</t>
    </rPh>
    <phoneticPr fontId="1"/>
  </si>
  <si>
    <t>聖園女学院附属聖園マリア幼稚園</t>
    <rPh sb="5" eb="7">
      <t>フゾク</t>
    </rPh>
    <phoneticPr fontId="1"/>
  </si>
  <si>
    <t>〒251-0871</t>
  </si>
  <si>
    <t>藤沢市善行７丁目1-4</t>
  </si>
  <si>
    <t>0466-81-4141</t>
  </si>
  <si>
    <t>六会幼稚園</t>
  </si>
  <si>
    <t>藤沢市亀井野１丁目10</t>
  </si>
  <si>
    <t>0466-82-4583</t>
  </si>
  <si>
    <t>(学)平川学園</t>
  </si>
  <si>
    <t>むらおか幼稚園</t>
  </si>
  <si>
    <t>〒251-0016</t>
  </si>
  <si>
    <t>藤沢市弥勒寺２丁目3-19</t>
  </si>
  <si>
    <t>0466-25-2020</t>
  </si>
  <si>
    <t>(学)和敬学苑</t>
  </si>
  <si>
    <t>もみじ幼稚園</t>
  </si>
  <si>
    <t>藤沢市鵠沼桜が岡１丁目5-13</t>
  </si>
  <si>
    <t>0466-22-8285</t>
  </si>
  <si>
    <t>わかふじ幼稚園</t>
  </si>
  <si>
    <t>藤沢市本町２丁目3-17</t>
  </si>
  <si>
    <t>0466-22-6882</t>
  </si>
  <si>
    <t>秦野  俊一朗</t>
    <rPh sb="4" eb="7">
      <t>シュンイチロウ</t>
    </rPh>
    <phoneticPr fontId="1"/>
  </si>
  <si>
    <t>藤沢芙蓉幼稚園</t>
  </si>
  <si>
    <t>〒251-0875</t>
  </si>
  <si>
    <t>藤沢市本藤沢５丁目9-9</t>
  </si>
  <si>
    <t>0466-81-1225</t>
  </si>
  <si>
    <t>(学)生蘭学園</t>
  </si>
  <si>
    <t>小田原市</t>
  </si>
  <si>
    <t>浅野記念御濠端幼稚園</t>
  </si>
  <si>
    <t>〒250-0014</t>
  </si>
  <si>
    <t>小田原市城内2-16</t>
  </si>
  <si>
    <t>0465-23-2958</t>
  </si>
  <si>
    <t>(学)小田原美以学園</t>
  </si>
  <si>
    <t>新玉幼稚園</t>
  </si>
  <si>
    <t>〒250-0011</t>
  </si>
  <si>
    <t>小田原市栄町４丁目6-5</t>
  </si>
  <si>
    <t>0465-22-4060</t>
  </si>
  <si>
    <t>鴨宮幼稚園</t>
  </si>
  <si>
    <t>〒250-0877</t>
  </si>
  <si>
    <t>小田原市上新田130</t>
  </si>
  <si>
    <t>0465-47-4251</t>
  </si>
  <si>
    <t>星崎  光泰</t>
  </si>
  <si>
    <t>こゆるぎ幼稚園</t>
  </si>
  <si>
    <t>〒250-0214</t>
  </si>
  <si>
    <t>小田原市永塚387-5</t>
  </si>
  <si>
    <t>0465-42-5667</t>
  </si>
  <si>
    <t>(学)道徳学園</t>
  </si>
  <si>
    <t>城山幼稚園</t>
  </si>
  <si>
    <t>〒250-0045</t>
  </si>
  <si>
    <t>小田原市城山２丁目1-3</t>
  </si>
  <si>
    <t>0465-34-2800</t>
  </si>
  <si>
    <t>岡田  貴子</t>
    <rPh sb="4" eb="6">
      <t>タカコ</t>
    </rPh>
    <phoneticPr fontId="1"/>
  </si>
  <si>
    <t>富水幼稚園</t>
  </si>
  <si>
    <t>〒250-0854</t>
  </si>
  <si>
    <t>小田原市飯田岡92</t>
  </si>
  <si>
    <t>0465-36-2641</t>
  </si>
  <si>
    <t>(学)小田原教育メディア</t>
  </si>
  <si>
    <t>花園幼稚園</t>
  </si>
  <si>
    <t>〒250-0013</t>
  </si>
  <si>
    <t>小田原市南町２丁目2-45</t>
  </si>
  <si>
    <t>0465-22-8702</t>
  </si>
  <si>
    <t>(学)聖公会聖十字学園</t>
  </si>
  <si>
    <t>みみづく幼稚園</t>
  </si>
  <si>
    <t>小田原市城山４丁目19-8</t>
  </si>
  <si>
    <t>0465-22-2098</t>
  </si>
  <si>
    <t>(学)伝肇寺学園</t>
  </si>
  <si>
    <t>友愛幼稚園</t>
  </si>
  <si>
    <t>〒250-0051</t>
  </si>
  <si>
    <t>小田原市北ノ窪176</t>
  </si>
  <si>
    <t>0465-35-1512</t>
  </si>
  <si>
    <t>(学)武藤学園</t>
  </si>
  <si>
    <t>れんげ幼稚園</t>
  </si>
  <si>
    <t>〒250-0003</t>
  </si>
  <si>
    <t>小田原市東町３丁目12-23</t>
  </si>
  <si>
    <t>0465-34-4538</t>
  </si>
  <si>
    <t>(学)みちひろ学園</t>
  </si>
  <si>
    <t>茅ヶ崎市</t>
  </si>
  <si>
    <t>香川富士見丘幼稚園</t>
  </si>
  <si>
    <t>〒253-0082</t>
  </si>
  <si>
    <t>茅ヶ崎市香川４丁目50-27</t>
  </si>
  <si>
    <t>0467-86-6340</t>
  </si>
  <si>
    <t>(学)志徳学園</t>
  </si>
  <si>
    <t>恵泉幼稚園</t>
  </si>
  <si>
    <t>〒253-0055</t>
  </si>
  <si>
    <t>茅ヶ崎市中海岸３丁目1-19</t>
  </si>
  <si>
    <t>0467-82-3023</t>
  </si>
  <si>
    <t>(学)茅ヶ崎恵泉学園</t>
  </si>
  <si>
    <t>湘南やまゆり幼稚園</t>
  </si>
  <si>
    <t>〒253-0084</t>
  </si>
  <si>
    <t>茅ヶ崎市円蔵２丁目14-12</t>
  </si>
  <si>
    <t>0467-51-4297</t>
  </si>
  <si>
    <t>認定こども園 湘南やまゆり第二幼稚園</t>
  </si>
  <si>
    <t>茅ヶ崎市円蔵2350</t>
  </si>
  <si>
    <t>0467-85-2146</t>
  </si>
  <si>
    <t>藤井　貴代美</t>
  </si>
  <si>
    <t>小山  真史</t>
  </si>
  <si>
    <t>高砂幼稚園</t>
  </si>
  <si>
    <t>〒253-0053</t>
  </si>
  <si>
    <t>茅ヶ崎市東海岸北１丁目3-31</t>
  </si>
  <si>
    <t>0467-86-8880</t>
  </si>
  <si>
    <t>(学)中村学園</t>
  </si>
  <si>
    <t>茅ケ崎すみれ幼稚園</t>
  </si>
  <si>
    <t>〒253-0002</t>
  </si>
  <si>
    <t>茅ヶ崎市高田２丁目2-3</t>
  </si>
  <si>
    <t>0467-51-9000</t>
  </si>
  <si>
    <t>(学)杉崎学園</t>
  </si>
  <si>
    <t>茅ヶ崎市</t>
    <phoneticPr fontId="1"/>
  </si>
  <si>
    <t>茅ケ崎浜見平幼稚園</t>
  </si>
  <si>
    <t>〒253-0065</t>
  </si>
  <si>
    <t>茅ヶ崎市松尾6-11</t>
  </si>
  <si>
    <t>0467-82-8518</t>
  </si>
  <si>
    <t>(学)松尾学園</t>
  </si>
  <si>
    <t>茅ケ崎みなもと幼稚園</t>
  </si>
  <si>
    <t>〒253-0071</t>
  </si>
  <si>
    <t>茅ヶ崎市萩園2217</t>
  </si>
  <si>
    <t>0467-86-5899</t>
  </si>
  <si>
    <t>(学)加藤学園</t>
  </si>
  <si>
    <t>浜竹幼稚園</t>
  </si>
  <si>
    <t>〒253-0021</t>
  </si>
  <si>
    <t>茅ヶ崎市浜竹３丁目4-53</t>
  </si>
  <si>
    <t>0467-82-0464</t>
  </si>
  <si>
    <t>(学)浜竹学園</t>
  </si>
  <si>
    <t>ひかりの子幼稚園</t>
  </si>
  <si>
    <t>〒253-0008</t>
  </si>
  <si>
    <t>茅ヶ崎市芹沢913</t>
  </si>
  <si>
    <t>0467-51-0103</t>
  </si>
  <si>
    <t>(学)荻野学園</t>
  </si>
  <si>
    <t>まつなみ幼稚園</t>
  </si>
  <si>
    <t>〒253-0022</t>
  </si>
  <si>
    <t>茅ヶ崎市松浪１丁目3-32</t>
  </si>
  <si>
    <t>0467-83-3510</t>
  </si>
  <si>
    <t>(学)磯川学園</t>
    <rPh sb="3" eb="5">
      <t>イソカワ</t>
    </rPh>
    <rPh sb="5" eb="7">
      <t>ガクエン</t>
    </rPh>
    <phoneticPr fontId="1"/>
  </si>
  <si>
    <t>茅ヶ崎市円蔵１丁目20-15</t>
  </si>
  <si>
    <t>0467-54-2363</t>
  </si>
  <si>
    <t>磯西　真理子</t>
  </si>
  <si>
    <t>聖鳩幼稚園</t>
  </si>
  <si>
    <t>茅ヶ崎市東海岸北３丁目10-4</t>
  </si>
  <si>
    <t>0467-82-2573</t>
  </si>
  <si>
    <t>(学)賜恩学園</t>
  </si>
  <si>
    <t>めぐみの子幼稚園</t>
  </si>
  <si>
    <t>〒253-0081</t>
  </si>
  <si>
    <t>茅ヶ崎市下寺尾406-1</t>
  </si>
  <si>
    <t>0467-52-7020</t>
  </si>
  <si>
    <t>逗子市</t>
  </si>
  <si>
    <t>かぐのみ幼稚園</t>
  </si>
  <si>
    <t>〒249-0004</t>
  </si>
  <si>
    <t>逗子市沼間４丁目1-1</t>
  </si>
  <si>
    <t>046-871-6258</t>
  </si>
  <si>
    <t>(学)逗子かぐのみ学園</t>
  </si>
  <si>
    <t>逗子幼稚園</t>
  </si>
  <si>
    <t>〒249-0006</t>
  </si>
  <si>
    <t>逗子市逗子３丁目1-17</t>
  </si>
  <si>
    <t>046-871-2792</t>
  </si>
  <si>
    <t>(学)づし学園</t>
  </si>
  <si>
    <t>聖マリア幼稚園</t>
  </si>
  <si>
    <t>逗子市逗子６丁目8-47</t>
  </si>
  <si>
    <t>046-871-6337</t>
  </si>
  <si>
    <t>聖和学院幼稚園</t>
  </si>
  <si>
    <t>〒249-0001</t>
  </si>
  <si>
    <t>逗子市久木２丁目2-1</t>
  </si>
  <si>
    <t>046-871-2670</t>
  </si>
  <si>
    <t>三浦市</t>
  </si>
  <si>
    <t>椿の御所幼稚園</t>
  </si>
  <si>
    <t>〒238-0233</t>
  </si>
  <si>
    <t>三浦市向ヶ崎町11-1</t>
  </si>
  <si>
    <t>046-881-5305</t>
  </si>
  <si>
    <t>(学)花園学園</t>
  </si>
  <si>
    <t>三浦幼稚園</t>
  </si>
  <si>
    <t>〒238-0101</t>
  </si>
  <si>
    <t>三浦市南下浦町上宮田479</t>
  </si>
  <si>
    <t>046-888-3124</t>
  </si>
  <si>
    <t>(学)三浦幼稚園</t>
  </si>
  <si>
    <t>秦野市</t>
  </si>
  <si>
    <t>つるまき幼稚園</t>
  </si>
  <si>
    <t>〒257-0002</t>
  </si>
  <si>
    <t>秦野市鶴巻南４丁目22-26</t>
  </si>
  <si>
    <t>0463-77-2323</t>
  </si>
  <si>
    <t>(学)鶴巻学園</t>
  </si>
  <si>
    <t>西秦野幼稚園</t>
  </si>
  <si>
    <t>〒259-1312</t>
  </si>
  <si>
    <t>秦野市春日町4-4</t>
  </si>
  <si>
    <t>0463-88-5613</t>
  </si>
  <si>
    <t>厚木市</t>
  </si>
  <si>
    <t>厚木幼稚園</t>
  </si>
  <si>
    <t>〒243-0012</t>
  </si>
  <si>
    <t>厚木市幸町6-22</t>
  </si>
  <si>
    <t>046-229-0491</t>
  </si>
  <si>
    <t>(学)厚木バプテスト学園</t>
  </si>
  <si>
    <t>厚木さくら幼稚園</t>
  </si>
  <si>
    <t>〒243-0804</t>
  </si>
  <si>
    <t>厚木市関口919</t>
  </si>
  <si>
    <t>046-245-0856</t>
  </si>
  <si>
    <t>(学)厚木学園</t>
  </si>
  <si>
    <t>厚木たちばな幼稚園</t>
  </si>
  <si>
    <t>〒243-0205</t>
  </si>
  <si>
    <t>厚木市棚沢63</t>
  </si>
  <si>
    <t>046-241-3588</t>
    <phoneticPr fontId="1"/>
  </si>
  <si>
    <t>(学)橘学園</t>
  </si>
  <si>
    <t>厚木田園幼稚園</t>
  </si>
  <si>
    <t>〒243-0211</t>
  </si>
  <si>
    <t>厚木市三田1303</t>
  </si>
  <si>
    <t>046-223-7543</t>
  </si>
  <si>
    <t>(学)厚木田園学園</t>
  </si>
  <si>
    <t>厚木のぞみ幼稚園</t>
  </si>
  <si>
    <t>〒243-0813</t>
  </si>
  <si>
    <t>厚木市妻田東２丁目5-41</t>
  </si>
  <si>
    <t>046-224-6841</t>
  </si>
  <si>
    <t>(学)愛泉学園</t>
  </si>
  <si>
    <t>厚木緑ケ丘幼稚園</t>
  </si>
  <si>
    <t>〒243-0041</t>
  </si>
  <si>
    <t>厚木市緑ヶ丘２丁目2-2</t>
  </si>
  <si>
    <t>046-221-0242</t>
  </si>
  <si>
    <t>(学)緑ケ丘学園</t>
  </si>
  <si>
    <t>伊勢宮幼稚園</t>
  </si>
  <si>
    <t>〒243-0212</t>
  </si>
  <si>
    <t>厚木市及川２丁目23-1</t>
  </si>
  <si>
    <t>046-241-0944</t>
  </si>
  <si>
    <t>(学)和田学院</t>
  </si>
  <si>
    <t>えいすう幼稚園</t>
  </si>
  <si>
    <t>〒243-0003</t>
  </si>
  <si>
    <t>厚木市寿町３丁目14-7</t>
  </si>
  <si>
    <t>046-221-0115</t>
  </si>
  <si>
    <t>(学)陽光学園</t>
  </si>
  <si>
    <t>小鮎幼稚園</t>
  </si>
  <si>
    <t>046-241-1423</t>
  </si>
  <si>
    <t>(学)白山学園</t>
  </si>
  <si>
    <t>清和幼稚園</t>
  </si>
  <si>
    <t>〒243-0014</t>
  </si>
  <si>
    <t>厚木市旭町５丁目36-25</t>
  </si>
  <si>
    <t>046-228-1626</t>
  </si>
  <si>
    <t>(学)清和学園</t>
  </si>
  <si>
    <t>ちぐさ幼稚園</t>
  </si>
  <si>
    <t>厚木市寿町２丁目6-19</t>
  </si>
  <si>
    <t>046-221-0730</t>
  </si>
  <si>
    <t>遠藤  広子</t>
    <rPh sb="4" eb="6">
      <t>ヒロコ</t>
    </rPh>
    <phoneticPr fontId="1"/>
  </si>
  <si>
    <t>とびお幼稚園</t>
  </si>
  <si>
    <t>〒243-0204</t>
  </si>
  <si>
    <t>厚木市鳶尾２丁目22-18</t>
  </si>
  <si>
    <t>046-241-6611</t>
  </si>
  <si>
    <t>(学)東京音楽学院</t>
  </si>
  <si>
    <t>七沢幼稚園</t>
  </si>
  <si>
    <t>〒243-0121</t>
  </si>
  <si>
    <t>厚木市七沢590</t>
  </si>
  <si>
    <t>046-247-3175</t>
  </si>
  <si>
    <t>(学)内田学園</t>
    <rPh sb="3" eb="5">
      <t>ウチダ</t>
    </rPh>
    <rPh sb="5" eb="7">
      <t>ガクエン</t>
    </rPh>
    <phoneticPr fontId="1"/>
  </si>
  <si>
    <t>ぬるみず幼稚園</t>
  </si>
  <si>
    <t>〒243-0033</t>
  </si>
  <si>
    <t>厚木市温水1134</t>
  </si>
  <si>
    <t>046-247-9252</t>
  </si>
  <si>
    <t>(学)なかい学園</t>
  </si>
  <si>
    <t>はやし幼稚園</t>
  </si>
  <si>
    <t>〒243-0816</t>
  </si>
  <si>
    <t>厚木市林２丁目13-41</t>
  </si>
  <si>
    <t>046-223-0710</t>
  </si>
  <si>
    <t>光ケ丘幼稚園</t>
  </si>
  <si>
    <t>〒243-0032</t>
  </si>
  <si>
    <t>厚木市恩名３丁目11-55</t>
  </si>
  <si>
    <t>046-222-2561</t>
  </si>
  <si>
    <t>(学)厚木和田学園</t>
  </si>
  <si>
    <t>森の里幼稚園</t>
  </si>
  <si>
    <t>〒243-0122</t>
  </si>
  <si>
    <t>厚木市森の里１丁目30-1</t>
  </si>
  <si>
    <t>046-248-6891</t>
  </si>
  <si>
    <t>大和市</t>
  </si>
  <si>
    <t>大和あけぼの幼稚園</t>
  </si>
  <si>
    <t>〒242-0015</t>
  </si>
  <si>
    <t>大和市下和田32</t>
  </si>
  <si>
    <t>046-267-6611</t>
  </si>
  <si>
    <t>スミレ幼稚園</t>
  </si>
  <si>
    <t>〒242-0006</t>
  </si>
  <si>
    <t>大和市南林間７丁目4-1</t>
  </si>
  <si>
    <t>046-274-9222</t>
  </si>
  <si>
    <t>つきみ野幼稚園</t>
  </si>
  <si>
    <t>〒242-0001</t>
  </si>
  <si>
    <t>大和市中央林間８-14-21</t>
    <rPh sb="3" eb="5">
      <t>チュウオウ</t>
    </rPh>
    <rPh sb="5" eb="7">
      <t>リンカン</t>
    </rPh>
    <phoneticPr fontId="1"/>
  </si>
  <si>
    <t>046-275-1355</t>
  </si>
  <si>
    <t>(学)つきみ野学園</t>
    <rPh sb="6" eb="7">
      <t>ノ</t>
    </rPh>
    <phoneticPr fontId="1"/>
  </si>
  <si>
    <t>つるま幼稚園</t>
  </si>
  <si>
    <t>〒242-0005</t>
  </si>
  <si>
    <t>大和市西鶴間３丁目7-19</t>
  </si>
  <si>
    <t>046-261-0651</t>
  </si>
  <si>
    <t>(学)実生学園</t>
  </si>
  <si>
    <t>でんえん幼稚園</t>
  </si>
  <si>
    <t>〒242-0007</t>
    <phoneticPr fontId="1"/>
  </si>
  <si>
    <t>大和市中央林間９丁目13-24</t>
    <rPh sb="3" eb="7">
      <t>チュウオウリンカン</t>
    </rPh>
    <rPh sb="8" eb="10">
      <t>チョウメ</t>
    </rPh>
    <phoneticPr fontId="1"/>
  </si>
  <si>
    <t>046-274-4458</t>
  </si>
  <si>
    <t>(学)椿学園</t>
  </si>
  <si>
    <t>ふかみ幼稚園</t>
  </si>
  <si>
    <t>〒242-0012</t>
  </si>
  <si>
    <t>大和市深見東３丁目5-16</t>
  </si>
  <si>
    <t>046-264-1560</t>
  </si>
  <si>
    <t>(学)荻窪学園</t>
  </si>
  <si>
    <t>松原学園幼稚園</t>
  </si>
  <si>
    <t>〒242-0007</t>
  </si>
  <si>
    <t>大和市中央林間１丁目22-20</t>
  </si>
  <si>
    <t>046-274-1224</t>
  </si>
  <si>
    <t>徳重  裕士</t>
    <rPh sb="4" eb="5">
      <t>ユウ</t>
    </rPh>
    <rPh sb="5" eb="6">
      <t>シ</t>
    </rPh>
    <phoneticPr fontId="1"/>
  </si>
  <si>
    <t>学校法人健やか学園　モミヤマ幼稚園</t>
    <phoneticPr fontId="1"/>
  </si>
  <si>
    <t>〒242-0024</t>
  </si>
  <si>
    <t>大和市福田５丁目17-2</t>
  </si>
  <si>
    <t>046-269-4345</t>
  </si>
  <si>
    <t>(学)健やか学園</t>
    <rPh sb="3" eb="4">
      <t>スコ</t>
    </rPh>
    <phoneticPr fontId="1"/>
  </si>
  <si>
    <t>〒242-0021</t>
  </si>
  <si>
    <t>大和市中央５丁目9-5</t>
  </si>
  <si>
    <t>046-262-1068</t>
  </si>
  <si>
    <t>(学）大和中央学園</t>
    <rPh sb="1" eb="2">
      <t>ガク</t>
    </rPh>
    <rPh sb="3" eb="5">
      <t>ヤマト</t>
    </rPh>
    <rPh sb="5" eb="7">
      <t>チュウオウ</t>
    </rPh>
    <rPh sb="7" eb="9">
      <t>ガクエン</t>
    </rPh>
    <phoneticPr fontId="1"/>
  </si>
  <si>
    <t>下田　知美</t>
    <rPh sb="0" eb="2">
      <t>シモダ</t>
    </rPh>
    <rPh sb="3" eb="5">
      <t>トモミ</t>
    </rPh>
    <phoneticPr fontId="1"/>
  </si>
  <si>
    <t>大和幼稚園</t>
  </si>
  <si>
    <t>〒242-0017</t>
  </si>
  <si>
    <t>大和市大和東１丁目7-16</t>
  </si>
  <si>
    <t>046-263-5001</t>
  </si>
  <si>
    <t>(学)西山学園</t>
  </si>
  <si>
    <t>大和市南林間３丁目10-1</t>
  </si>
  <si>
    <t>(学)大和学園</t>
  </si>
  <si>
    <t>大和小鳩幼稚園</t>
  </si>
  <si>
    <t>〒242-0016</t>
  </si>
  <si>
    <t>大和市大和南２丁目5-19</t>
  </si>
  <si>
    <t>046-263-2333</t>
  </si>
  <si>
    <t>古木  東彦</t>
  </si>
  <si>
    <t>大和桜ヶ丘幼稚園</t>
  </si>
  <si>
    <t>〒242-0014</t>
  </si>
  <si>
    <t>大和市上和田936</t>
  </si>
  <si>
    <t>046-267-0165</t>
  </si>
  <si>
    <t>柏木  陽一</t>
    <rPh sb="4" eb="6">
      <t>ヨウイチ</t>
    </rPh>
    <phoneticPr fontId="1"/>
  </si>
  <si>
    <t>大和山王幼稚園</t>
  </si>
  <si>
    <t>大和市下鶴間2919</t>
  </si>
  <si>
    <t>046-274-0474</t>
  </si>
  <si>
    <t>(学)かつみ学園</t>
  </si>
  <si>
    <t>中央林間幼稚園</t>
    <rPh sb="2" eb="4">
      <t>リンカン</t>
    </rPh>
    <phoneticPr fontId="1"/>
  </si>
  <si>
    <t>大和市中央林間６丁目7-13</t>
  </si>
  <si>
    <t>046-274-1177</t>
  </si>
  <si>
    <t>(学)古木学園</t>
  </si>
  <si>
    <t>大和みどりが丘幼稚園</t>
  </si>
  <si>
    <t>大和市福田1698-1</t>
  </si>
  <si>
    <t>046-267-2856</t>
  </si>
  <si>
    <t>伊勢原市</t>
  </si>
  <si>
    <t>伊勢原幼稚園</t>
  </si>
  <si>
    <t>〒259-1131</t>
  </si>
  <si>
    <t>伊勢原市伊勢原３丁目10-5</t>
  </si>
  <si>
    <t>0463-95-0326</t>
  </si>
  <si>
    <t>(学)信愛学園</t>
  </si>
  <si>
    <t>伊勢原白百合幼稚園</t>
  </si>
  <si>
    <t>〒259-1144</t>
  </si>
  <si>
    <t>伊勢原市池端536</t>
  </si>
  <si>
    <t>0463-94-1192</t>
  </si>
  <si>
    <t>(学)伊勢原白百合学園</t>
  </si>
  <si>
    <t>伊勢原みのり幼稚園</t>
  </si>
  <si>
    <t>〒259-1135</t>
  </si>
  <si>
    <t>伊勢原市岡崎6994-3</t>
  </si>
  <si>
    <t>0463-93-2918</t>
  </si>
  <si>
    <t>(学)岡崎学園</t>
  </si>
  <si>
    <t>中央マドカ幼稚園</t>
  </si>
  <si>
    <t>〒259-1114</t>
  </si>
  <si>
    <t>伊勢原市高森446-1</t>
  </si>
  <si>
    <t>0463-93-7509</t>
  </si>
  <si>
    <t>成瀬幼稚園</t>
  </si>
  <si>
    <t>伊勢原市高森２丁目19-12</t>
  </si>
  <si>
    <t>0463-93-1391</t>
  </si>
  <si>
    <t>(学)成瀬幼稚園</t>
  </si>
  <si>
    <t>海老名市</t>
  </si>
  <si>
    <t>旭たちばな幼稚園</t>
  </si>
  <si>
    <t>〒243-0412</t>
  </si>
  <si>
    <t>046-232-0992</t>
  </si>
  <si>
    <t>(学)妙常学園</t>
  </si>
  <si>
    <t>有鹿幼稚園</t>
  </si>
  <si>
    <t>〒243-0433</t>
  </si>
  <si>
    <t>海老名市河原口３丁目10-5</t>
    <rPh sb="8" eb="10">
      <t>チョウメ</t>
    </rPh>
    <phoneticPr fontId="1"/>
  </si>
  <si>
    <t>046-231-0104</t>
  </si>
  <si>
    <t>鍵渡  正徳</t>
    <rPh sb="4" eb="5">
      <t>マサ</t>
    </rPh>
    <rPh sb="5" eb="6">
      <t>トク</t>
    </rPh>
    <phoneticPr fontId="1"/>
  </si>
  <si>
    <t>海老名幼稚園</t>
  </si>
  <si>
    <t>〒243-0421</t>
  </si>
  <si>
    <t>海老名市さつき町5</t>
  </si>
  <si>
    <t>046-232-6821</t>
  </si>
  <si>
    <t>鍵渡  香代子</t>
    <rPh sb="4" eb="7">
      <t>カヨコ</t>
    </rPh>
    <phoneticPr fontId="1"/>
  </si>
  <si>
    <t>海老名みなみ幼稚園</t>
  </si>
  <si>
    <t>〒243-0424</t>
  </si>
  <si>
    <t>海老名市社家3-11-27</t>
    <phoneticPr fontId="1"/>
  </si>
  <si>
    <t>046-232-8922</t>
  </si>
  <si>
    <t>(学)米山学園</t>
  </si>
  <si>
    <t>慶泉幼稚園</t>
  </si>
  <si>
    <t>〒243-0431</t>
  </si>
  <si>
    <t>海老名市上今泉１丁目8-34</t>
  </si>
  <si>
    <t>046-233-1835</t>
  </si>
  <si>
    <t>(学)慶泉学園</t>
  </si>
  <si>
    <t>相模みのり幼稚園</t>
  </si>
  <si>
    <t>〒243-0417</t>
  </si>
  <si>
    <t>海老名市本郷3286</t>
  </si>
  <si>
    <t>046-238-0572</t>
  </si>
  <si>
    <t>(学)古郡学園</t>
  </si>
  <si>
    <t>さくらい幼稚園</t>
  </si>
  <si>
    <t>海老名市上今泉１丁目22-56</t>
  </si>
  <si>
    <t>046-232-2525</t>
  </si>
  <si>
    <t>座間市</t>
  </si>
  <si>
    <t>栗原幼稚園</t>
  </si>
  <si>
    <t>〒252-0015</t>
    <phoneticPr fontId="1"/>
  </si>
  <si>
    <t>座間市南栗原１丁目11-3</t>
  </si>
  <si>
    <t>046-253-4652</t>
  </si>
  <si>
    <t>(学)相模中村學園</t>
    <rPh sb="1" eb="2">
      <t>ガク</t>
    </rPh>
    <rPh sb="3" eb="5">
      <t>サガミ</t>
    </rPh>
    <rPh sb="5" eb="7">
      <t>ナカムラ</t>
    </rPh>
    <rPh sb="7" eb="9">
      <t>ガクエン</t>
    </rPh>
    <phoneticPr fontId="1"/>
  </si>
  <si>
    <t>小松原幼稚園</t>
  </si>
  <si>
    <t>〒252-0002</t>
    <phoneticPr fontId="1"/>
  </si>
  <si>
    <t>座間市小松原２丁目35-25</t>
  </si>
  <si>
    <t>046-254-2325</t>
  </si>
  <si>
    <t>(学)小松原幼稚園</t>
  </si>
  <si>
    <t>座間孝道幼稚園</t>
  </si>
  <si>
    <t>〒252-0001</t>
    <phoneticPr fontId="1"/>
  </si>
  <si>
    <t>座間市相模が丘３丁目66-29</t>
  </si>
  <si>
    <t>046-255-3200</t>
  </si>
  <si>
    <t>(学)小多喜学園</t>
  </si>
  <si>
    <t>座間幼稚園</t>
  </si>
  <si>
    <t>〒252-0027</t>
    <phoneticPr fontId="1"/>
  </si>
  <si>
    <t>座間市座間１丁目3298-3</t>
  </si>
  <si>
    <t>046-251-0350</t>
  </si>
  <si>
    <t>(学)座間学園</t>
  </si>
  <si>
    <t>鈴鹿幼稚園</t>
  </si>
  <si>
    <t>座間市入谷西２丁目51-6</t>
    <rPh sb="5" eb="6">
      <t>ニシ</t>
    </rPh>
    <rPh sb="7" eb="9">
      <t>チョウメ</t>
    </rPh>
    <phoneticPr fontId="1"/>
  </si>
  <si>
    <t>046-251-6200</t>
  </si>
  <si>
    <t>(学)相武学園</t>
  </si>
  <si>
    <t>相武台幼稚園</t>
  </si>
  <si>
    <t>〒252-0011</t>
    <phoneticPr fontId="1"/>
  </si>
  <si>
    <t>座間市相武台４丁目1-19</t>
    <phoneticPr fontId="1"/>
  </si>
  <si>
    <t>046-251-2724</t>
  </si>
  <si>
    <t>(学)相泉学園</t>
  </si>
  <si>
    <t>東原幼稚園</t>
  </si>
  <si>
    <t>〒252-0004</t>
    <phoneticPr fontId="1"/>
  </si>
  <si>
    <t>座間市東原２丁目16-3</t>
  </si>
  <si>
    <t>046-251-1107</t>
  </si>
  <si>
    <t>鈴木  正惠</t>
    <rPh sb="4" eb="5">
      <t>タダ</t>
    </rPh>
    <rPh sb="5" eb="6">
      <t>ケイ</t>
    </rPh>
    <phoneticPr fontId="5"/>
  </si>
  <si>
    <t>ひばりが丘幼稚園</t>
  </si>
  <si>
    <t>〒252-0003</t>
    <phoneticPr fontId="1"/>
  </si>
  <si>
    <t>座間市ひばりが丘２丁目44-26</t>
  </si>
  <si>
    <t>046-252-1411</t>
  </si>
  <si>
    <t>(学)光時学園</t>
  </si>
  <si>
    <t>やなせ幼稚園</t>
    <phoneticPr fontId="1"/>
  </si>
  <si>
    <t>座間市入谷東２丁目11-18</t>
    <rPh sb="5" eb="6">
      <t>ヒガシ</t>
    </rPh>
    <rPh sb="7" eb="9">
      <t>チョウメ</t>
    </rPh>
    <phoneticPr fontId="1"/>
  </si>
  <si>
    <t>046-255-2024</t>
  </si>
  <si>
    <t>(学)柳瀬学園</t>
  </si>
  <si>
    <t>南足柄市</t>
  </si>
  <si>
    <t>めぐみの丘幼稚園</t>
    <rPh sb="4" eb="5">
      <t>オカ</t>
    </rPh>
    <phoneticPr fontId="1"/>
  </si>
  <si>
    <t>〒250-0015</t>
    <phoneticPr fontId="1"/>
  </si>
  <si>
    <t>南足柄市沼田323</t>
    <rPh sb="0" eb="4">
      <t>ミナミアシガラシ</t>
    </rPh>
    <rPh sb="4" eb="6">
      <t>ヌマタ</t>
    </rPh>
    <phoneticPr fontId="1"/>
  </si>
  <si>
    <t>0465-74-6574</t>
    <phoneticPr fontId="1"/>
  </si>
  <si>
    <t>(学)北邨学園</t>
    <rPh sb="3" eb="4">
      <t>キタ</t>
    </rPh>
    <rPh sb="4" eb="5">
      <t>ソン</t>
    </rPh>
    <rPh sb="5" eb="7">
      <t>ガクエン</t>
    </rPh>
    <phoneticPr fontId="1"/>
  </si>
  <si>
    <t>綾瀬市</t>
  </si>
  <si>
    <t>綾瀬幼稚園</t>
  </si>
  <si>
    <t>〒252-1136</t>
  </si>
  <si>
    <t>綾瀬市寺尾西２丁目9-50</t>
  </si>
  <si>
    <t>0467-78-0001</t>
  </si>
  <si>
    <t>綾瀬こばと幼稚園</t>
  </si>
  <si>
    <t>〒252-1104</t>
    <phoneticPr fontId="1"/>
  </si>
  <si>
    <t>綾瀬市大上９丁目15-20</t>
  </si>
  <si>
    <t>0467-78-4110</t>
  </si>
  <si>
    <t>見上  一幸</t>
  </si>
  <si>
    <t>綾瀬すぎの子幼稚園</t>
  </si>
  <si>
    <t>〒252-1116</t>
  </si>
  <si>
    <t>綾瀬市落合北５丁目22-11</t>
  </si>
  <si>
    <t>0467-78-4187</t>
  </si>
  <si>
    <t>比留川  昇</t>
    <rPh sb="5" eb="6">
      <t>ノボル</t>
    </rPh>
    <phoneticPr fontId="1"/>
  </si>
  <si>
    <t>綾瀬中央幼稚園</t>
  </si>
  <si>
    <t>〒252-1108</t>
    <phoneticPr fontId="1"/>
  </si>
  <si>
    <t>綾瀬市深谷上６丁目12-43</t>
  </si>
  <si>
    <t>0467-76-2920</t>
  </si>
  <si>
    <t>(学)比留川学園</t>
  </si>
  <si>
    <t>綾瀬ゆたか幼稚園</t>
  </si>
  <si>
    <t>〒252-1133</t>
  </si>
  <si>
    <t>綾瀬市寺尾本町３丁目12-26</t>
  </si>
  <si>
    <t>0467-78-1794</t>
  </si>
  <si>
    <t>(学)橘川学園</t>
  </si>
  <si>
    <t>春日幼稚園</t>
  </si>
  <si>
    <t>〒252-1124</t>
  </si>
  <si>
    <t>綾瀬市吉岡1360</t>
  </si>
  <si>
    <t>0467-78-2320</t>
  </si>
  <si>
    <t>(学)春日学園</t>
    <rPh sb="1" eb="2">
      <t>ガク</t>
    </rPh>
    <rPh sb="3" eb="5">
      <t>カスガ</t>
    </rPh>
    <rPh sb="5" eb="7">
      <t>ガクエン</t>
    </rPh>
    <phoneticPr fontId="1"/>
  </si>
  <si>
    <t>ドレーパー記念幼稚園</t>
  </si>
  <si>
    <t>〒252-1131</t>
  </si>
  <si>
    <t>綾瀬市寺尾北２丁目17-47</t>
  </si>
  <si>
    <t>0467-78-1550</t>
  </si>
  <si>
    <t>(学)大塚平安学園</t>
  </si>
  <si>
    <t>綾西幼稚園</t>
  </si>
  <si>
    <t>綾瀬市吉岡1526</t>
  </si>
  <si>
    <t>0467-78-5012</t>
  </si>
  <si>
    <t>(学)明和学園</t>
  </si>
  <si>
    <t>綾南幼稚園</t>
  </si>
  <si>
    <t>〒252-1113</t>
  </si>
  <si>
    <t>綾瀬市上土棚中１丁目10-6</t>
  </si>
  <si>
    <t>0467-76-0007</t>
  </si>
  <si>
    <t>(学)文伸学園</t>
  </si>
  <si>
    <t>三浦郡葉山町</t>
  </si>
  <si>
    <t>あおぞら幼稚園</t>
  </si>
  <si>
    <t>〒240-0114</t>
  </si>
  <si>
    <t>三浦郡葉山町木古庭1333</t>
  </si>
  <si>
    <t>046-878-8725</t>
  </si>
  <si>
    <t>(学)角井学園</t>
  </si>
  <si>
    <t>あけの星幼稚園</t>
  </si>
  <si>
    <t>〒240-0112</t>
  </si>
  <si>
    <t>046-875-2762</t>
  </si>
  <si>
    <t>どれみ幼稚園</t>
  </si>
  <si>
    <t>〒240-0111</t>
  </si>
  <si>
    <t>三浦郡葉山町一色1862-1</t>
  </si>
  <si>
    <t>046-875-3330</t>
  </si>
  <si>
    <t>角田  衛</t>
    <rPh sb="4" eb="5">
      <t>エイ</t>
    </rPh>
    <phoneticPr fontId="1"/>
  </si>
  <si>
    <t>御国幼稚園</t>
  </si>
  <si>
    <t>三浦郡葉山町木古庭1768</t>
  </si>
  <si>
    <t>046-852-0392</t>
    <phoneticPr fontId="1"/>
  </si>
  <si>
    <t>(学)御国幼稚園</t>
    <rPh sb="3" eb="5">
      <t>ミクニ</t>
    </rPh>
    <rPh sb="5" eb="8">
      <t>ヨウチエン</t>
    </rPh>
    <phoneticPr fontId="1"/>
  </si>
  <si>
    <t>明照幼稚園</t>
  </si>
  <si>
    <t>三浦郡葉山町堀内570-4</t>
  </si>
  <si>
    <t>046-875-1426</t>
  </si>
  <si>
    <t>(学)明照幼稚園</t>
  </si>
  <si>
    <t>高座郡寒川町</t>
  </si>
  <si>
    <t>一之宮相和幼稚園</t>
  </si>
  <si>
    <t>〒253-0111</t>
  </si>
  <si>
    <t>高座郡寒川町一之宮４丁目14-7</t>
  </si>
  <si>
    <t>0467-74-3754</t>
  </si>
  <si>
    <t>(学)相原学園</t>
  </si>
  <si>
    <t>倉見幼稚園</t>
  </si>
  <si>
    <t>〒253-0101</t>
  </si>
  <si>
    <t>高座郡寒川町倉見2299</t>
  </si>
  <si>
    <t>0467-75-6689</t>
  </si>
  <si>
    <t>(学)磯川学園</t>
    <phoneticPr fontId="1"/>
  </si>
  <si>
    <t>中郡大磯町</t>
    <rPh sb="2" eb="4">
      <t>オオイソ</t>
    </rPh>
    <phoneticPr fontId="1"/>
  </si>
  <si>
    <t>こいそ幼稚園</t>
    <rPh sb="3" eb="6">
      <t>ヨウチエン</t>
    </rPh>
    <phoneticPr fontId="1"/>
  </si>
  <si>
    <t>〒255-0005</t>
    <phoneticPr fontId="1"/>
  </si>
  <si>
    <t>中郡大磯町西小磯286-10</t>
    <rPh sb="0" eb="2">
      <t>ナカグン</t>
    </rPh>
    <rPh sb="2" eb="5">
      <t>オオイソマチ</t>
    </rPh>
    <rPh sb="5" eb="6">
      <t>ニシ</t>
    </rPh>
    <rPh sb="6" eb="8">
      <t>コイソ</t>
    </rPh>
    <phoneticPr fontId="1"/>
  </si>
  <si>
    <t>0463-61-4093</t>
    <phoneticPr fontId="1"/>
  </si>
  <si>
    <t>中郡二宮町</t>
  </si>
  <si>
    <t>海の星幼稚園</t>
  </si>
  <si>
    <t>〒259-0123</t>
  </si>
  <si>
    <t>中郡二宮町二宮88</t>
  </si>
  <si>
    <t>0463-73-1513</t>
  </si>
  <si>
    <t>梅の木幼稚園</t>
  </si>
  <si>
    <t>〒259-0134</t>
  </si>
  <si>
    <t>中郡二宮町一色724</t>
  </si>
  <si>
    <t>0463-73-2525</t>
  </si>
  <si>
    <t>(学)珠泉学院</t>
  </si>
  <si>
    <t>二宮育美幼稚園</t>
  </si>
  <si>
    <t>〒259-0133</t>
  </si>
  <si>
    <t>中郡二宮町百合が丘2-2-2</t>
  </si>
  <si>
    <t>0463-71-0350</t>
  </si>
  <si>
    <t>(学)浜野学園</t>
  </si>
  <si>
    <t>二宮みどり幼稚園</t>
  </si>
  <si>
    <t>〒259-0124</t>
  </si>
  <si>
    <t>中郡二宮町山西1577</t>
  </si>
  <si>
    <t>0463-72-1990</t>
  </si>
  <si>
    <t>(学)正和学園</t>
  </si>
  <si>
    <t>二宮めぐみ幼稚園</t>
  </si>
  <si>
    <t>中郡二宮町二宮92</t>
  </si>
  <si>
    <t>0463-71-0570</t>
  </si>
  <si>
    <t>(学)恵愛学園</t>
  </si>
  <si>
    <t>足柄下郡湯河原町</t>
  </si>
  <si>
    <t>宮上幼稚園</t>
  </si>
  <si>
    <t>〒259-0314</t>
  </si>
  <si>
    <t>足柄下郡湯河原町宮上184</t>
  </si>
  <si>
    <t>0465-62-3994</t>
  </si>
  <si>
    <t>(学)敬徳学園</t>
  </si>
  <si>
    <t>愛甲郡愛川町</t>
  </si>
  <si>
    <t>春日台幼稚園</t>
  </si>
  <si>
    <t>〒243-0302</t>
  </si>
  <si>
    <t>愛甲郡愛川町春日台３丁目6-36</t>
  </si>
  <si>
    <t>046-285-0074</t>
  </si>
  <si>
    <t>愛川幼稚園</t>
  </si>
  <si>
    <t>〒243-0301</t>
  </si>
  <si>
    <t>愛甲郡愛川町角田4369-47</t>
  </si>
  <si>
    <t>046-281-1237</t>
  </si>
  <si>
    <t>(学)大郷学園</t>
  </si>
  <si>
    <t>学校名</t>
    <phoneticPr fontId="1"/>
  </si>
  <si>
    <t>校長名</t>
    <rPh sb="0" eb="2">
      <t>コウチョウ</t>
    </rPh>
    <rPh sb="2" eb="3">
      <t>メイ</t>
    </rPh>
    <phoneticPr fontId="1"/>
  </si>
  <si>
    <t>男女共学</t>
    <rPh sb="2" eb="4">
      <t>キョウガク</t>
    </rPh>
    <phoneticPr fontId="1"/>
  </si>
  <si>
    <t>聖ヨゼフ学園小学校</t>
  </si>
  <si>
    <t>横浜市鶴見区東寺尾北台11-1</t>
  </si>
  <si>
    <t>045-581-8808</t>
  </si>
  <si>
    <t>共</t>
  </si>
  <si>
    <t>精華小学校</t>
  </si>
  <si>
    <t>〒221-0844</t>
  </si>
  <si>
    <t>横浜市神奈川区沢渡18</t>
  </si>
  <si>
    <t>045-311-2963</t>
  </si>
  <si>
    <t>(学)神奈川学園</t>
  </si>
  <si>
    <t>捜真小学校</t>
  </si>
  <si>
    <t>〒221-8720</t>
  </si>
  <si>
    <t>横浜市神奈川区中丸8</t>
  </si>
  <si>
    <t>045-491-4227</t>
  </si>
  <si>
    <t>(学)捜真学院</t>
  </si>
  <si>
    <t>横浜雙葉小学校</t>
  </si>
  <si>
    <t>〒231-8562</t>
  </si>
  <si>
    <t>横浜市中区山手町226</t>
  </si>
  <si>
    <t>045-641-1628</t>
  </si>
  <si>
    <t>(学)横浜雙葉学園</t>
  </si>
  <si>
    <t>女</t>
  </si>
  <si>
    <t>関東学院小学校</t>
  </si>
  <si>
    <t>横浜市南区三春台4</t>
  </si>
  <si>
    <t>045-241-2634</t>
  </si>
  <si>
    <t>(学)関東学院</t>
  </si>
  <si>
    <t>青山学院横浜英和小学校</t>
    <rPh sb="0" eb="2">
      <t>アオヤマ</t>
    </rPh>
    <rPh sb="2" eb="4">
      <t>ガクイン</t>
    </rPh>
    <phoneticPr fontId="1"/>
  </si>
  <si>
    <t>横浜市南区蒔田町124</t>
  </si>
  <si>
    <t>045-731-2863</t>
  </si>
  <si>
    <t>関東学院六浦小学校</t>
  </si>
  <si>
    <t>〒236-0037</t>
  </si>
  <si>
    <t>横浜市金沢区六浦東１丁目50-1</t>
  </si>
  <si>
    <t>045-701-8285</t>
  </si>
  <si>
    <t>横浜三育小学校</t>
  </si>
  <si>
    <t>横浜市旭区上川井町1985</t>
  </si>
  <si>
    <t>045-921-0447</t>
  </si>
  <si>
    <t>森村学園初等部</t>
  </si>
  <si>
    <t>045-984-2509</t>
  </si>
  <si>
    <t>桐蔭学園小学校</t>
    <rPh sb="6" eb="7">
      <t>コウ</t>
    </rPh>
    <phoneticPr fontId="1"/>
  </si>
  <si>
    <t>045-972-2221</t>
  </si>
  <si>
    <t>慶應義塾横浜初等部</t>
    <rPh sb="0" eb="2">
      <t>ケイオウ</t>
    </rPh>
    <rPh sb="2" eb="4">
      <t>ギジュク</t>
    </rPh>
    <rPh sb="4" eb="6">
      <t>ヨコハマ</t>
    </rPh>
    <rPh sb="6" eb="9">
      <t>ショトウブ</t>
    </rPh>
    <phoneticPr fontId="1"/>
  </si>
  <si>
    <t>〒225-0012</t>
    <phoneticPr fontId="1"/>
  </si>
  <si>
    <t>横浜市青葉区あざみ野南３丁目1-3</t>
    <rPh sb="9" eb="10">
      <t>ノ</t>
    </rPh>
    <rPh sb="10" eb="11">
      <t>ミナミ</t>
    </rPh>
    <rPh sb="12" eb="14">
      <t>チョウメ</t>
    </rPh>
    <phoneticPr fontId="1"/>
  </si>
  <si>
    <t>045-507-8441</t>
    <phoneticPr fontId="1"/>
  </si>
  <si>
    <t>(学)慶應義塾</t>
    <rPh sb="1" eb="2">
      <t>ガク</t>
    </rPh>
    <rPh sb="3" eb="5">
      <t>ケイオウ</t>
    </rPh>
    <rPh sb="5" eb="7">
      <t>ギジュク</t>
    </rPh>
    <phoneticPr fontId="1"/>
  </si>
  <si>
    <t>大西学園小学校</t>
  </si>
  <si>
    <t>044-722-9201</t>
  </si>
  <si>
    <t>(学)大西学園</t>
    <rPh sb="3" eb="5">
      <t>オオニシ</t>
    </rPh>
    <rPh sb="5" eb="7">
      <t>ガクエン</t>
    </rPh>
    <phoneticPr fontId="1"/>
  </si>
  <si>
    <t>洗足学園小学校</t>
  </si>
  <si>
    <t>044-856-2964</t>
  </si>
  <si>
    <t>カリタス小学校</t>
  </si>
  <si>
    <t>044-922-8822</t>
  </si>
  <si>
    <t>桐光学園小学校</t>
  </si>
  <si>
    <t>〒215-8556</t>
  </si>
  <si>
    <t>川崎市麻生区栗木３丁目13-1</t>
  </si>
  <si>
    <t>044-986-5155</t>
  </si>
  <si>
    <t>シュタイナー学園初等部</t>
  </si>
  <si>
    <t>〒252-0187</t>
    <phoneticPr fontId="1"/>
  </si>
  <si>
    <t>相模原市緑区名倉2805-1</t>
    <rPh sb="4" eb="6">
      <t>ミドリク</t>
    </rPh>
    <phoneticPr fontId="1"/>
  </si>
  <si>
    <t>042-686-6011</t>
  </si>
  <si>
    <t>(学)シュタイナー学園</t>
  </si>
  <si>
    <t>相模女子大学小学部</t>
  </si>
  <si>
    <t>〒252-0383</t>
    <phoneticPr fontId="1"/>
  </si>
  <si>
    <t>相模原市南区文京２丁目1-1</t>
    <rPh sb="4" eb="6">
      <t>ミナミク</t>
    </rPh>
    <phoneticPr fontId="1"/>
  </si>
  <si>
    <t>042-742-1444</t>
  </si>
  <si>
    <t>(学)相模女子大学</t>
  </si>
  <si>
    <t>横須賀学院小学校</t>
  </si>
  <si>
    <t>〒238-8511</t>
  </si>
  <si>
    <t>横須賀市稲岡町82</t>
  </si>
  <si>
    <t>046-822-3218</t>
  </si>
  <si>
    <t>(学)横須賀学院</t>
  </si>
  <si>
    <t>鎌倉女子大学初等部</t>
  </si>
  <si>
    <t>清泉小学校</t>
  </si>
  <si>
    <t>〒248-0005</t>
  </si>
  <si>
    <t>鎌倉市雪ノ下３丁目11-45</t>
  </si>
  <si>
    <t>0467-25-1100</t>
  </si>
  <si>
    <t>(学)清泉女学院</t>
  </si>
  <si>
    <t>湘南学園小学校</t>
  </si>
  <si>
    <t>湘南白百合学園小学校</t>
  </si>
  <si>
    <t>藤沢市片瀬海岸２丁目2-30</t>
  </si>
  <si>
    <t>0466-22-0200</t>
  </si>
  <si>
    <t>(学)湘南白百合学園</t>
    <phoneticPr fontId="1"/>
  </si>
  <si>
    <t>日本大学藤沢小学校</t>
    <rPh sb="0" eb="2">
      <t>ニホン</t>
    </rPh>
    <rPh sb="2" eb="4">
      <t>ダイガク</t>
    </rPh>
    <rPh sb="4" eb="6">
      <t>フジサワ</t>
    </rPh>
    <rPh sb="6" eb="9">
      <t>ショウガッコウ</t>
    </rPh>
    <phoneticPr fontId="1"/>
  </si>
  <si>
    <t>〒252-0885</t>
    <phoneticPr fontId="1"/>
  </si>
  <si>
    <t>藤沢市亀井野1866</t>
    <rPh sb="0" eb="3">
      <t>フジサワシ</t>
    </rPh>
    <rPh sb="3" eb="6">
      <t>カメイノ</t>
    </rPh>
    <phoneticPr fontId="1"/>
  </si>
  <si>
    <t>0466-81-7111</t>
    <phoneticPr fontId="1"/>
  </si>
  <si>
    <t>(学)日本大学</t>
    <rPh sb="3" eb="5">
      <t>ニホン</t>
    </rPh>
    <rPh sb="5" eb="7">
      <t>ダイガク</t>
    </rPh>
    <phoneticPr fontId="1"/>
  </si>
  <si>
    <t>平和学園小学校</t>
  </si>
  <si>
    <t>〒253-0031</t>
  </si>
  <si>
    <t>茅ヶ崎市富士見町5-2</t>
  </si>
  <si>
    <t>0467-87-1662</t>
  </si>
  <si>
    <t>(学)平和学園</t>
  </si>
  <si>
    <t>聖マリア小学校</t>
  </si>
  <si>
    <t>046-871-3209</t>
  </si>
  <si>
    <t>七沢希望の丘初等学校</t>
    <rPh sb="0" eb="2">
      <t>ナナサワ</t>
    </rPh>
    <rPh sb="2" eb="4">
      <t>キボウ</t>
    </rPh>
    <rPh sb="5" eb="6">
      <t>オカ</t>
    </rPh>
    <rPh sb="6" eb="8">
      <t>ショトウ</t>
    </rPh>
    <rPh sb="8" eb="10">
      <t>ガッコウ</t>
    </rPh>
    <phoneticPr fontId="1"/>
  </si>
  <si>
    <t>〒243-0121</t>
    <phoneticPr fontId="1"/>
  </si>
  <si>
    <t>厚木市七沢433-1</t>
    <rPh sb="0" eb="2">
      <t>アツギ</t>
    </rPh>
    <rPh sb="2" eb="3">
      <t>シ</t>
    </rPh>
    <rPh sb="3" eb="5">
      <t>ナナサワ</t>
    </rPh>
    <phoneticPr fontId="1"/>
  </si>
  <si>
    <t>046-270-6123</t>
    <phoneticPr fontId="1"/>
  </si>
  <si>
    <t>聖セシリア小学校</t>
  </si>
  <si>
    <t>046-275-3055</t>
  </si>
  <si>
    <t>聖ステパノ学園小学校</t>
  </si>
  <si>
    <t>〒255-0003</t>
  </si>
  <si>
    <t>中郡大磯町大磯868</t>
  </si>
  <si>
    <t>0463-61-1298</t>
  </si>
  <si>
    <t>(学)聖ステパノ学園</t>
  </si>
  <si>
    <t>〒250-0408</t>
  </si>
  <si>
    <t>足柄下郡箱根町強羅1320</t>
  </si>
  <si>
    <t xml:space="preserve">0460-87-6611 </t>
  </si>
  <si>
    <t>(学)函嶺白百合学園</t>
  </si>
  <si>
    <t>恵明学園小学校</t>
  </si>
  <si>
    <t>〒250-0404</t>
    <phoneticPr fontId="1"/>
  </si>
  <si>
    <t>足柄下郡箱根町宮ノ下413</t>
    <rPh sb="7" eb="8">
      <t>ミヤ</t>
    </rPh>
    <rPh sb="9" eb="10">
      <t>シタ</t>
    </rPh>
    <phoneticPr fontId="1"/>
  </si>
  <si>
    <t xml:space="preserve">0460-82-2861 </t>
  </si>
  <si>
    <t>(学)恵明学園</t>
  </si>
  <si>
    <t>校長</t>
    <rPh sb="0" eb="2">
      <t>コウチョウ</t>
    </rPh>
    <phoneticPr fontId="1"/>
  </si>
  <si>
    <t>聖ヨゼフ学園中学校</t>
  </si>
  <si>
    <t>橘学苑中学校</t>
  </si>
  <si>
    <t>横浜市鶴見区獅子ヶ谷１丁目10-35</t>
  </si>
  <si>
    <t>045-581-0063</t>
  </si>
  <si>
    <t>鶴見大学附属中学校</t>
    <phoneticPr fontId="1"/>
  </si>
  <si>
    <t>横浜市鶴見区鶴見２丁目2-1</t>
  </si>
  <si>
    <t>045-581-6325</t>
  </si>
  <si>
    <t>浅野中学校</t>
  </si>
  <si>
    <t>〒221-0012</t>
  </si>
  <si>
    <t>横浜市神奈川区子安台１丁目3-1</t>
  </si>
  <si>
    <t>045-421-3281</t>
  </si>
  <si>
    <t>(学)浅野学園</t>
  </si>
  <si>
    <t>男</t>
  </si>
  <si>
    <t>神奈川学園中学校</t>
  </si>
  <si>
    <t>045-311-2961</t>
  </si>
  <si>
    <t>横浜創英中学校</t>
  </si>
  <si>
    <t>045-421-3121</t>
  </si>
  <si>
    <t>捜真女学校中学部</t>
  </si>
  <si>
    <t>045-491-3686</t>
  </si>
  <si>
    <t>聖光学院中学校</t>
  </si>
  <si>
    <t>横浜市中区滝之上100</t>
  </si>
  <si>
    <t>045-621-2051</t>
  </si>
  <si>
    <t>フェリス女学院中学校</t>
  </si>
  <si>
    <t>〒231-8660</t>
  </si>
  <si>
    <t>横浜市中区山手町178</t>
  </si>
  <si>
    <t>045-641-0242</t>
  </si>
  <si>
    <t>(学)フェリス女学院</t>
  </si>
  <si>
    <t>横浜共立学園中学校</t>
  </si>
  <si>
    <t>〒231-8662</t>
  </si>
  <si>
    <t>横浜市中区山手町212</t>
  </si>
  <si>
    <t>045-641-3785</t>
  </si>
  <si>
    <t>(学)横浜共立学園</t>
  </si>
  <si>
    <t>横浜女学院中学校</t>
  </si>
  <si>
    <t>045-681-7767</t>
  </si>
  <si>
    <t>横浜雙葉中学校</t>
  </si>
  <si>
    <t>〒231-8653</t>
  </si>
  <si>
    <t>横浜市中区山手町88</t>
  </si>
  <si>
    <t>045-641-1004</t>
  </si>
  <si>
    <t>関東学院中学校</t>
  </si>
  <si>
    <t>045-231-1001</t>
  </si>
  <si>
    <t>青山学院横浜英和中学校</t>
    <rPh sb="0" eb="2">
      <t>アオヤマ</t>
    </rPh>
    <rPh sb="2" eb="4">
      <t>ガクイン</t>
    </rPh>
    <phoneticPr fontId="1"/>
  </si>
  <si>
    <t>045-731-2862</t>
  </si>
  <si>
    <t>関東学院六浦中学校</t>
  </si>
  <si>
    <t>〒236-8504</t>
  </si>
  <si>
    <t>045-781-2525</t>
  </si>
  <si>
    <t>横浜中学校</t>
  </si>
  <si>
    <t>〒236-0053</t>
  </si>
  <si>
    <t>横浜市金沢区能見台通47-1</t>
  </si>
  <si>
    <t>045-781-3395</t>
  </si>
  <si>
    <t>(学)徳心学園</t>
  </si>
  <si>
    <t>慶應義塾普通部</t>
  </si>
  <si>
    <t>横浜市港北区日吉本町１丁目45-1</t>
  </si>
  <si>
    <t>045-562-1181</t>
  </si>
  <si>
    <t>(学)慶應義塾</t>
    <rPh sb="1" eb="2">
      <t>ガク</t>
    </rPh>
    <phoneticPr fontId="1"/>
  </si>
  <si>
    <t>日本大学中学校</t>
  </si>
  <si>
    <t>〒223-8566</t>
  </si>
  <si>
    <t>横浜市港北区箕輪町２丁目9-1</t>
  </si>
  <si>
    <t>045-560-2600</t>
  </si>
  <si>
    <t>(学)日本大学</t>
  </si>
  <si>
    <t>武相中学校</t>
  </si>
  <si>
    <t>〒222-0023</t>
  </si>
  <si>
    <t>横浜市港北区仲手原２丁目34-1</t>
  </si>
  <si>
    <t>045-401-9042</t>
  </si>
  <si>
    <t>(学)武相学園</t>
  </si>
  <si>
    <t>公文国際学園中等部</t>
  </si>
  <si>
    <t>横浜市戸塚区小雀町777</t>
  </si>
  <si>
    <t>045-853-8200</t>
  </si>
  <si>
    <t>(学)公文学園</t>
  </si>
  <si>
    <t>山手学院中学校</t>
  </si>
  <si>
    <t>〒247-0013</t>
  </si>
  <si>
    <t>横浜市栄区上郷町460</t>
  </si>
  <si>
    <t>045-891-2111</t>
  </si>
  <si>
    <t>(学)山手英学院</t>
  </si>
  <si>
    <t>星槎中学校</t>
  </si>
  <si>
    <t>〒226-0016</t>
    <phoneticPr fontId="1"/>
  </si>
  <si>
    <t>横浜市緑区霧が丘６丁目13</t>
    <rPh sb="3" eb="5">
      <t>ミドリク</t>
    </rPh>
    <rPh sb="5" eb="6">
      <t>キリ</t>
    </rPh>
    <rPh sb="7" eb="8">
      <t>オカ</t>
    </rPh>
    <rPh sb="9" eb="11">
      <t>チョウメ</t>
    </rPh>
    <phoneticPr fontId="1"/>
  </si>
  <si>
    <t>045-442-8687</t>
    <phoneticPr fontId="1"/>
  </si>
  <si>
    <t>(学)星槎</t>
    <rPh sb="3" eb="5">
      <t>セイサ</t>
    </rPh>
    <phoneticPr fontId="1"/>
  </si>
  <si>
    <t>横浜富士見丘学園中学校</t>
    <rPh sb="0" eb="2">
      <t>ヨコハマ</t>
    </rPh>
    <rPh sb="2" eb="5">
      <t>フジミ</t>
    </rPh>
    <rPh sb="5" eb="6">
      <t>オカ</t>
    </rPh>
    <rPh sb="6" eb="8">
      <t>ガクエン</t>
    </rPh>
    <rPh sb="8" eb="11">
      <t>チュウガッコウ</t>
    </rPh>
    <phoneticPr fontId="1"/>
  </si>
  <si>
    <t>〒241-8502</t>
    <phoneticPr fontId="1"/>
  </si>
  <si>
    <t>横浜市旭区中沢１丁目24-1</t>
    <rPh sb="0" eb="3">
      <t>ヨコハマシ</t>
    </rPh>
    <rPh sb="3" eb="5">
      <t>アサヒク</t>
    </rPh>
    <rPh sb="5" eb="7">
      <t>ナカサワ</t>
    </rPh>
    <rPh sb="8" eb="10">
      <t>チョウメ</t>
    </rPh>
    <phoneticPr fontId="1"/>
  </si>
  <si>
    <t>045-367-4380</t>
    <phoneticPr fontId="1"/>
  </si>
  <si>
    <t>(学)富士見丘学園</t>
    <rPh sb="1" eb="2">
      <t>ガク</t>
    </rPh>
    <rPh sb="3" eb="6">
      <t>フジミ</t>
    </rPh>
    <rPh sb="6" eb="7">
      <t>オカ</t>
    </rPh>
    <rPh sb="7" eb="9">
      <t>ガクエン</t>
    </rPh>
    <phoneticPr fontId="1"/>
  </si>
  <si>
    <t>共</t>
    <rPh sb="0" eb="1">
      <t>トモ</t>
    </rPh>
    <phoneticPr fontId="1"/>
  </si>
  <si>
    <t>森村学園中等部</t>
  </si>
  <si>
    <t>045-984-2505</t>
  </si>
  <si>
    <t>神奈川大学附属中学校</t>
  </si>
  <si>
    <t>〒226-0014</t>
  </si>
  <si>
    <t>横浜市緑区台村町800</t>
  </si>
  <si>
    <t>045-934-6211</t>
  </si>
  <si>
    <t>(学)神奈川大学</t>
  </si>
  <si>
    <t>横浜翠陵中学校</t>
    <phoneticPr fontId="1"/>
  </si>
  <si>
    <t>横浜市緑区三保町1</t>
  </si>
  <si>
    <t>045-921-0301</t>
  </si>
  <si>
    <t>共</t>
    <rPh sb="0" eb="1">
      <t>キョウ</t>
    </rPh>
    <phoneticPr fontId="1"/>
  </si>
  <si>
    <t>横浜隼人中学校</t>
  </si>
  <si>
    <t>横浜市瀬谷区阿久和南１丁目3-1</t>
  </si>
  <si>
    <t>045-364-5103</t>
  </si>
  <si>
    <t>サレジオ学院中学校</t>
  </si>
  <si>
    <t>〒224-0029</t>
  </si>
  <si>
    <t>横浜市都筑区南山田３丁目43-1</t>
  </si>
  <si>
    <t>045-591-8222</t>
  </si>
  <si>
    <t>(学)サレジオ学院</t>
  </si>
  <si>
    <t>中央大学附属横浜中学校</t>
    <rPh sb="0" eb="2">
      <t>チュウオウ</t>
    </rPh>
    <rPh sb="2" eb="4">
      <t>ダイガク</t>
    </rPh>
    <rPh sb="4" eb="6">
      <t>フゾク</t>
    </rPh>
    <rPh sb="6" eb="8">
      <t>ヨコハマ</t>
    </rPh>
    <phoneticPr fontId="1"/>
  </si>
  <si>
    <t>〒224-8515</t>
    <phoneticPr fontId="1"/>
  </si>
  <si>
    <t>横浜市都筑区牛久保東１丁目14-1</t>
    <rPh sb="3" eb="5">
      <t>ツヅキ</t>
    </rPh>
    <rPh sb="6" eb="9">
      <t>ウシクボ</t>
    </rPh>
    <rPh sb="9" eb="10">
      <t>ヒガシ</t>
    </rPh>
    <rPh sb="11" eb="13">
      <t>チョウメ</t>
    </rPh>
    <phoneticPr fontId="1"/>
  </si>
  <si>
    <t>045-592-0801</t>
    <phoneticPr fontId="1"/>
  </si>
  <si>
    <t>(学)中央大学</t>
    <rPh sb="3" eb="5">
      <t>チュウオウ</t>
    </rPh>
    <rPh sb="5" eb="7">
      <t>ダイガク</t>
    </rPh>
    <phoneticPr fontId="1"/>
  </si>
  <si>
    <t>大西学園中学校</t>
  </si>
  <si>
    <t>法政大学第二中学校</t>
  </si>
  <si>
    <t>〒211-0031</t>
  </si>
  <si>
    <t>川崎市中原区木月大町6-1</t>
  </si>
  <si>
    <t>044-711-4321</t>
    <phoneticPr fontId="1"/>
  </si>
  <si>
    <t>(学)法政大学</t>
  </si>
  <si>
    <t>洗足学園中学校</t>
  </si>
  <si>
    <t>044-856-2777</t>
  </si>
  <si>
    <t>カリタス女子中学校</t>
  </si>
  <si>
    <t>044-911-4656</t>
  </si>
  <si>
    <t>日本女子大学附属中学校</t>
  </si>
  <si>
    <t>〒214-8565</t>
  </si>
  <si>
    <t>川崎市多摩区西生田１丁目1-1</t>
  </si>
  <si>
    <t>044-952-6731</t>
  </si>
  <si>
    <t>(学)日本女子大学</t>
  </si>
  <si>
    <t>桐光学園中学校</t>
  </si>
  <si>
    <t>〒215-8555</t>
  </si>
  <si>
    <t>川崎市麻生区栗木３丁目12-1</t>
  </si>
  <si>
    <t>044-987-0519</t>
  </si>
  <si>
    <t>シュタイナー学園中等部</t>
  </si>
  <si>
    <t>相模女子大学中学部</t>
  </si>
  <si>
    <t>042-742-1442</t>
    <phoneticPr fontId="1"/>
  </si>
  <si>
    <t>東海大学付属相模高等学校中等部</t>
    <rPh sb="8" eb="10">
      <t>コウトウ</t>
    </rPh>
    <rPh sb="10" eb="12">
      <t>ガッコウ</t>
    </rPh>
    <rPh sb="12" eb="14">
      <t>チュウトウ</t>
    </rPh>
    <rPh sb="14" eb="15">
      <t>ブ</t>
    </rPh>
    <phoneticPr fontId="1"/>
  </si>
  <si>
    <t>〒252-0395</t>
    <phoneticPr fontId="1"/>
  </si>
  <si>
    <t>相模原市南区相南３丁目33-1</t>
    <rPh sb="4" eb="6">
      <t>ミナミク</t>
    </rPh>
    <phoneticPr fontId="1"/>
  </si>
  <si>
    <t>042-742-1251</t>
  </si>
  <si>
    <t>(学)東海大学</t>
  </si>
  <si>
    <t>〒238-0018</t>
  </si>
  <si>
    <t>横須賀市緑が丘39</t>
  </si>
  <si>
    <t>046-822-1651</t>
  </si>
  <si>
    <t>(学)緑ヶ丘学院</t>
  </si>
  <si>
    <t>横須賀学院中学校</t>
  </si>
  <si>
    <t>栄光学園中学校</t>
  </si>
  <si>
    <t>〒247-0071</t>
  </si>
  <si>
    <t>鎌倉市玉縄４丁目1-1</t>
  </si>
  <si>
    <t>0467-46-7711</t>
  </si>
  <si>
    <t>(学)上智学院</t>
    <rPh sb="3" eb="5">
      <t>ジョウチ</t>
    </rPh>
    <rPh sb="5" eb="7">
      <t>ガクイン</t>
    </rPh>
    <phoneticPr fontId="1"/>
  </si>
  <si>
    <t>鎌倉学園中学校</t>
  </si>
  <si>
    <t>鎌倉市山ノ内110</t>
  </si>
  <si>
    <t>0467-22-0994</t>
  </si>
  <si>
    <t>(学)鎌倉学園</t>
  </si>
  <si>
    <t>鎌倉女学院中学校</t>
  </si>
  <si>
    <t>鎌倉市由比ガ浜２丁目10-4</t>
  </si>
  <si>
    <t>0467-25-2100</t>
  </si>
  <si>
    <t>(学)鎌倉女学院</t>
  </si>
  <si>
    <t>北鎌倉女子学園中学校</t>
  </si>
  <si>
    <t>鎌倉市山ノ内913</t>
  </si>
  <si>
    <t>0467-22-6900</t>
  </si>
  <si>
    <t>(学)北鎌倉女子学園</t>
  </si>
  <si>
    <t>清泉女学院中学校</t>
  </si>
  <si>
    <t>鎌倉市城廻200</t>
  </si>
  <si>
    <t>0467-46-3171</t>
  </si>
  <si>
    <t>湘南学園中学校</t>
  </si>
  <si>
    <t>藤沢市鵠沼松が岡３丁目4-27</t>
  </si>
  <si>
    <t>湘南白百合学園中学校</t>
  </si>
  <si>
    <t>〒251-0034</t>
  </si>
  <si>
    <t>藤沢市片瀬目白山4-1</t>
  </si>
  <si>
    <t>0466-27-6211</t>
  </si>
  <si>
    <t>聖園女学院中学校</t>
  </si>
  <si>
    <t>〒251-0873</t>
  </si>
  <si>
    <t>藤沢市みその台1-4</t>
  </si>
  <si>
    <t>0466-81-3333</t>
  </si>
  <si>
    <t>(学)南山学園</t>
    <rPh sb="3" eb="5">
      <t>ミナミヤマ</t>
    </rPh>
    <rPh sb="5" eb="7">
      <t>ガクエン</t>
    </rPh>
    <phoneticPr fontId="1"/>
  </si>
  <si>
    <t>慶應義塾湘南藤沢中等部</t>
  </si>
  <si>
    <t>藤沢市遠藤5466</t>
  </si>
  <si>
    <t>0466-49-3585</t>
  </si>
  <si>
    <t>藤嶺学園藤沢中学校</t>
  </si>
  <si>
    <t>〒251-0001</t>
  </si>
  <si>
    <t>藤沢市西富１丁目7-1</t>
  </si>
  <si>
    <t>0466-23-3150</t>
  </si>
  <si>
    <t>(学)藤嶺学園</t>
  </si>
  <si>
    <t>日本大学藤沢中学校</t>
    <rPh sb="6" eb="9">
      <t>チュウガッコウ</t>
    </rPh>
    <phoneticPr fontId="1"/>
  </si>
  <si>
    <t>藤沢市亀井野1866</t>
  </si>
  <si>
    <t>0466-81-0125</t>
    <phoneticPr fontId="1"/>
  </si>
  <si>
    <t>相洋中学校</t>
  </si>
  <si>
    <t>小田原市城山４丁目13-33</t>
  </si>
  <si>
    <t>0465-23-0214</t>
  </si>
  <si>
    <t>(学)明徳学園</t>
  </si>
  <si>
    <t>アレセイア湘南中学校</t>
  </si>
  <si>
    <t>0467-87-7760</t>
  </si>
  <si>
    <t>聖和学院中学校</t>
    <rPh sb="0" eb="2">
      <t>セイワ</t>
    </rPh>
    <phoneticPr fontId="1"/>
  </si>
  <si>
    <t>逗子開成中学校</t>
  </si>
  <si>
    <t>〒249-8510</t>
  </si>
  <si>
    <t>逗子市新宿２丁目5-1</t>
  </si>
  <si>
    <t>046-871-2062</t>
  </si>
  <si>
    <t>(学)逗子開成学園</t>
  </si>
  <si>
    <t>聖セシリア女子中学校</t>
  </si>
  <si>
    <t>046-274-7405</t>
  </si>
  <si>
    <t>聖ステパノ学園中学校</t>
  </si>
  <si>
    <t>函嶺白百合学園中学校</t>
  </si>
  <si>
    <t>課程</t>
    <rPh sb="0" eb="2">
      <t>カテイ</t>
    </rPh>
    <phoneticPr fontId="1"/>
  </si>
  <si>
    <t>学科</t>
  </si>
  <si>
    <t>男女
共学</t>
    <rPh sb="3" eb="5">
      <t>キョウガク</t>
    </rPh>
    <phoneticPr fontId="1"/>
  </si>
  <si>
    <t>白鵬女子高等学校</t>
  </si>
  <si>
    <t>全日制</t>
    <phoneticPr fontId="1"/>
  </si>
  <si>
    <t>横浜市鶴見区北寺尾４丁目10-13</t>
  </si>
  <si>
    <t>045-581-6721</t>
  </si>
  <si>
    <t>(学)藤華学院</t>
    <rPh sb="3" eb="4">
      <t>フジ</t>
    </rPh>
    <rPh sb="4" eb="5">
      <t>ハナ</t>
    </rPh>
    <rPh sb="5" eb="7">
      <t>ガクイン</t>
    </rPh>
    <phoneticPr fontId="1"/>
  </si>
  <si>
    <t>普</t>
  </si>
  <si>
    <t>聖ヨゼフ学園高等学校</t>
  </si>
  <si>
    <t>(学)アトンメント会</t>
    <phoneticPr fontId="1"/>
  </si>
  <si>
    <t>橘学苑高等学校</t>
  </si>
  <si>
    <t>(学)橘学苑</t>
    <phoneticPr fontId="1"/>
  </si>
  <si>
    <t>鶴見大学附属高等学校</t>
    <phoneticPr fontId="1"/>
  </si>
  <si>
    <t>(学)総持学園</t>
    <phoneticPr fontId="1"/>
  </si>
  <si>
    <t>法政大学国際高等学校</t>
    <rPh sb="4" eb="6">
      <t>コクサイ</t>
    </rPh>
    <phoneticPr fontId="1"/>
  </si>
  <si>
    <t>〒230-0078</t>
  </si>
  <si>
    <t>横浜市鶴見区岸谷１丁目13-1</t>
  </si>
  <si>
    <t>045-571-4482</t>
  </si>
  <si>
    <t>(学)法政大学</t>
    <phoneticPr fontId="1"/>
  </si>
  <si>
    <t>浅野高等学校</t>
  </si>
  <si>
    <t>(学)浅野学園</t>
    <phoneticPr fontId="1"/>
  </si>
  <si>
    <t>神奈川学園高等学校</t>
  </si>
  <si>
    <t>(学)神奈川学園</t>
    <phoneticPr fontId="1"/>
  </si>
  <si>
    <t>横浜創英高等学校</t>
  </si>
  <si>
    <t>(学)堀井学園</t>
    <phoneticPr fontId="1"/>
  </si>
  <si>
    <t>捜真女学校高等学部</t>
  </si>
  <si>
    <t>(学)捜真学院</t>
    <phoneticPr fontId="1"/>
  </si>
  <si>
    <t>聖光学院高等学校</t>
  </si>
  <si>
    <t>(学)聖マリア学園</t>
    <phoneticPr fontId="1"/>
  </si>
  <si>
    <t>フェリス女学院高等学校</t>
  </si>
  <si>
    <t>(学)フェリス女学院</t>
    <phoneticPr fontId="1"/>
  </si>
  <si>
    <t>横浜共立学園高等学校</t>
  </si>
  <si>
    <t>(学)横浜共立学園</t>
    <phoneticPr fontId="1"/>
  </si>
  <si>
    <t>横浜女学院高等学校</t>
  </si>
  <si>
    <t>(学)横浜学院</t>
    <phoneticPr fontId="1"/>
  </si>
  <si>
    <t>横浜雙葉高等学校</t>
  </si>
  <si>
    <t>(学)横浜雙葉学園</t>
    <phoneticPr fontId="1"/>
  </si>
  <si>
    <t>関東学院高等学校</t>
  </si>
  <si>
    <t>(学)関東学院</t>
    <phoneticPr fontId="1"/>
  </si>
  <si>
    <t>青山学院横浜英和高等学校</t>
    <rPh sb="0" eb="2">
      <t>アオヤマ</t>
    </rPh>
    <rPh sb="2" eb="4">
      <t>ガクイン</t>
    </rPh>
    <phoneticPr fontId="1"/>
  </si>
  <si>
    <t>045-731-2861</t>
  </si>
  <si>
    <t>(学)横浜英和学院</t>
    <phoneticPr fontId="1"/>
  </si>
  <si>
    <t>共</t>
    <phoneticPr fontId="1"/>
  </si>
  <si>
    <t>横浜清風高等学校</t>
  </si>
  <si>
    <t>〒240-0023</t>
  </si>
  <si>
    <t>横浜市保土ヶ谷区岩井町447</t>
  </si>
  <si>
    <t>045-731-4361</t>
  </si>
  <si>
    <t>(学)横浜清風学園</t>
    <rPh sb="3" eb="5">
      <t>ヨコハマ</t>
    </rPh>
    <rPh sb="5" eb="7">
      <t>セイフウ</t>
    </rPh>
    <phoneticPr fontId="1"/>
  </si>
  <si>
    <t>横浜学園高等学校</t>
  </si>
  <si>
    <t>横浜市磯子区岡村２丁目4-1</t>
  </si>
  <si>
    <t>045-751-6941</t>
  </si>
  <si>
    <t>(学)横浜学園</t>
    <phoneticPr fontId="1"/>
  </si>
  <si>
    <t>関東学院六浦高等学校</t>
  </si>
  <si>
    <t>横浜高等学校</t>
  </si>
  <si>
    <t>横浜市金沢区能見台通46-1</t>
  </si>
  <si>
    <t>045-781-3396</t>
  </si>
  <si>
    <t>(学)徳心学園</t>
    <phoneticPr fontId="1"/>
  </si>
  <si>
    <t>横浜創学館高等学校</t>
  </si>
  <si>
    <t>横浜市金沢区六浦東１丁目43-1</t>
  </si>
  <si>
    <t>045-781-0631</t>
  </si>
  <si>
    <t>(学)翔光学園</t>
    <phoneticPr fontId="1"/>
  </si>
  <si>
    <t>普/科技/情経</t>
  </si>
  <si>
    <t>慶應義塾高等学校</t>
  </si>
  <si>
    <t>〒223-8524</t>
  </si>
  <si>
    <t>横浜市港北区日吉４丁目1-2</t>
  </si>
  <si>
    <t>045-566-1381</t>
    <phoneticPr fontId="1"/>
  </si>
  <si>
    <t>英理女子学院高等学校</t>
    <rPh sb="0" eb="1">
      <t>エイ</t>
    </rPh>
    <rPh sb="1" eb="2">
      <t>オサム</t>
    </rPh>
    <rPh sb="2" eb="4">
      <t>ジョシ</t>
    </rPh>
    <rPh sb="4" eb="6">
      <t>ガクイン</t>
    </rPh>
    <phoneticPr fontId="1"/>
  </si>
  <si>
    <t>横浜市港北区菊名７丁目6-43</t>
  </si>
  <si>
    <t>045-431-8188</t>
  </si>
  <si>
    <t>(学)高木学園</t>
    <phoneticPr fontId="1"/>
  </si>
  <si>
    <t>普</t>
    <rPh sb="0" eb="1">
      <t>フ</t>
    </rPh>
    <phoneticPr fontId="1"/>
  </si>
  <si>
    <t>日本大学高等学校</t>
  </si>
  <si>
    <t>(学)日本大学</t>
    <phoneticPr fontId="1"/>
  </si>
  <si>
    <t>武相高等学校</t>
  </si>
  <si>
    <t>(学)武相学園</t>
    <phoneticPr fontId="1"/>
  </si>
  <si>
    <t>普/商</t>
  </si>
  <si>
    <t>公文国際学園高等部</t>
  </si>
  <si>
    <t>(学)公文学園</t>
    <phoneticPr fontId="1"/>
  </si>
  <si>
    <t>山手学院高等学校</t>
  </si>
  <si>
    <t>(学)山手英学院</t>
    <phoneticPr fontId="1"/>
  </si>
  <si>
    <t>横浜商科大学高等学校</t>
  </si>
  <si>
    <t>横浜市旭区白根７丁目1-1</t>
  </si>
  <si>
    <t>045-951-2246</t>
  </si>
  <si>
    <t>(学)横浜商科大学高等学校</t>
    <phoneticPr fontId="1"/>
  </si>
  <si>
    <t>星槎高等学校</t>
  </si>
  <si>
    <t>〒241-0801</t>
    <phoneticPr fontId="1"/>
  </si>
  <si>
    <t>横浜市旭区若葉台４丁目35-1</t>
    <rPh sb="3" eb="4">
      <t>アサヒ</t>
    </rPh>
    <rPh sb="5" eb="8">
      <t>ワカバダイ</t>
    </rPh>
    <rPh sb="9" eb="11">
      <t>チョウメ</t>
    </rPh>
    <phoneticPr fontId="1"/>
  </si>
  <si>
    <t>045-442-8686</t>
    <phoneticPr fontId="1"/>
  </si>
  <si>
    <t>横浜富士見丘学園高等学校</t>
    <rPh sb="0" eb="2">
      <t>ヨコハマ</t>
    </rPh>
    <rPh sb="2" eb="5">
      <t>フジミ</t>
    </rPh>
    <rPh sb="5" eb="6">
      <t>オカ</t>
    </rPh>
    <rPh sb="6" eb="8">
      <t>ガクエン</t>
    </rPh>
    <rPh sb="8" eb="10">
      <t>コウトウ</t>
    </rPh>
    <rPh sb="10" eb="12">
      <t>ガッコウ</t>
    </rPh>
    <phoneticPr fontId="1"/>
  </si>
  <si>
    <t>森村学園高等部</t>
  </si>
  <si>
    <t>(学)森村学園</t>
    <phoneticPr fontId="1"/>
  </si>
  <si>
    <t>普/
専攻科</t>
    <phoneticPr fontId="1"/>
  </si>
  <si>
    <t>神奈川大学附属高等学校</t>
  </si>
  <si>
    <t>(学)神奈川大学</t>
    <phoneticPr fontId="1"/>
  </si>
  <si>
    <t>横浜翠陵高等学校</t>
    <phoneticPr fontId="1"/>
  </si>
  <si>
    <t>横浜隼人高等学校</t>
  </si>
  <si>
    <t>045-364-5101</t>
  </si>
  <si>
    <t>(学)大谷学園</t>
    <phoneticPr fontId="1"/>
  </si>
  <si>
    <t>普/
国際語</t>
    <phoneticPr fontId="1"/>
  </si>
  <si>
    <t>桐蔭学園高等学校</t>
  </si>
  <si>
    <t>(学)桐蔭学園</t>
    <phoneticPr fontId="1"/>
  </si>
  <si>
    <t>普</t>
    <phoneticPr fontId="1"/>
  </si>
  <si>
    <t>サレジオ学院高等学校</t>
  </si>
  <si>
    <t>(学)サレジオ学院</t>
    <phoneticPr fontId="1"/>
  </si>
  <si>
    <t>中央大学附属横浜高等学校</t>
    <rPh sb="0" eb="2">
      <t>チュウオウ</t>
    </rPh>
    <rPh sb="2" eb="4">
      <t>ダイガク</t>
    </rPh>
    <rPh sb="4" eb="6">
      <t>フゾク</t>
    </rPh>
    <phoneticPr fontId="1"/>
  </si>
  <si>
    <t>大西学園高等学校</t>
  </si>
  <si>
    <t>(学)大西学園</t>
    <phoneticPr fontId="1"/>
  </si>
  <si>
    <t>普/商/家</t>
  </si>
  <si>
    <t>共/女/女</t>
  </si>
  <si>
    <t>法政大学第二高等学校</t>
  </si>
  <si>
    <t>洗足学園高等学校</t>
  </si>
  <si>
    <t>(学)洗足学園</t>
    <phoneticPr fontId="1"/>
  </si>
  <si>
    <t>カリタス女子高等学校</t>
  </si>
  <si>
    <t>(学)カリタス学園</t>
    <phoneticPr fontId="1"/>
  </si>
  <si>
    <t>日本女子大学附属高等学校</t>
  </si>
  <si>
    <t>044-952-6711</t>
  </si>
  <si>
    <t>(学)日本女子大学</t>
    <phoneticPr fontId="1"/>
  </si>
  <si>
    <t>桐光学園高等学校</t>
  </si>
  <si>
    <t>(学)桐光学園</t>
    <phoneticPr fontId="1"/>
  </si>
  <si>
    <t>シュタイナー学園高等部</t>
    <rPh sb="8" eb="11">
      <t>コウトウブ</t>
    </rPh>
    <phoneticPr fontId="1"/>
  </si>
  <si>
    <t>〒252-0183</t>
    <phoneticPr fontId="1"/>
  </si>
  <si>
    <t>相模原市緑区吉野407</t>
    <rPh sb="4" eb="6">
      <t>ミドリク</t>
    </rPh>
    <rPh sb="6" eb="8">
      <t>ヨシノ</t>
    </rPh>
    <phoneticPr fontId="1"/>
  </si>
  <si>
    <t>042-687-5510</t>
    <phoneticPr fontId="1"/>
  </si>
  <si>
    <t>(学)シュタイナー学園</t>
    <phoneticPr fontId="1"/>
  </si>
  <si>
    <t>普</t>
    <rPh sb="0" eb="1">
      <t>ススム</t>
    </rPh>
    <phoneticPr fontId="1"/>
  </si>
  <si>
    <t>麻布大学附属高等学校</t>
    <phoneticPr fontId="1"/>
  </si>
  <si>
    <t>〒252-0206</t>
    <phoneticPr fontId="1"/>
  </si>
  <si>
    <t>相模原市中央区淵野辺１丁目17-50</t>
    <rPh sb="4" eb="7">
      <t>チュウオウク</t>
    </rPh>
    <phoneticPr fontId="1"/>
  </si>
  <si>
    <t>042-757-2403</t>
  </si>
  <si>
    <t>(学)麻布獣医学園</t>
    <phoneticPr fontId="1"/>
  </si>
  <si>
    <t>相模女子大学高等部</t>
  </si>
  <si>
    <t>042-742-1442</t>
  </si>
  <si>
    <t>(学)相模女子大学</t>
    <phoneticPr fontId="1"/>
  </si>
  <si>
    <t>相模原高等学校</t>
  </si>
  <si>
    <t>〒252-0336</t>
    <phoneticPr fontId="1"/>
  </si>
  <si>
    <t>相模原市南区当麻856</t>
    <rPh sb="4" eb="6">
      <t>ミナミク</t>
    </rPh>
    <phoneticPr fontId="1"/>
  </si>
  <si>
    <t>042-778-3333</t>
  </si>
  <si>
    <t>(学)光明学園</t>
    <phoneticPr fontId="1"/>
  </si>
  <si>
    <t>東海大学付属相模高等学校</t>
  </si>
  <si>
    <t>相模原市南区相南３丁目33-1</t>
    <rPh sb="4" eb="6">
      <t>ミナミク</t>
    </rPh>
    <rPh sb="9" eb="11">
      <t>チョウメ</t>
    </rPh>
    <phoneticPr fontId="1"/>
  </si>
  <si>
    <t>(学)東海大学</t>
    <phoneticPr fontId="1"/>
  </si>
  <si>
    <t>湘南学院高等学校</t>
  </si>
  <si>
    <t>〒239-0835</t>
    <phoneticPr fontId="1"/>
  </si>
  <si>
    <t>横須賀市佐原２丁目2-20</t>
    <rPh sb="4" eb="6">
      <t>サハラ</t>
    </rPh>
    <rPh sb="7" eb="9">
      <t>チョウメ</t>
    </rPh>
    <phoneticPr fontId="1"/>
  </si>
  <si>
    <t>046-833-3433</t>
    <phoneticPr fontId="1"/>
  </si>
  <si>
    <t>(学)湘南学院</t>
    <phoneticPr fontId="1"/>
  </si>
  <si>
    <t>三浦学苑高等学校</t>
    <rPh sb="2" eb="3">
      <t>ガク</t>
    </rPh>
    <rPh sb="3" eb="4">
      <t>エン</t>
    </rPh>
    <phoneticPr fontId="1"/>
  </si>
  <si>
    <t>横須賀市衣笠栄町３丁目80</t>
  </si>
  <si>
    <t>046-852-0284</t>
  </si>
  <si>
    <t>(学)三浦学苑</t>
    <phoneticPr fontId="1"/>
  </si>
  <si>
    <t>普/工技</t>
    <rPh sb="3" eb="4">
      <t>ワザ</t>
    </rPh>
    <phoneticPr fontId="1"/>
  </si>
  <si>
    <t>(学)緑ヶ丘学院</t>
    <phoneticPr fontId="1"/>
  </si>
  <si>
    <t>横須賀学院高等学校</t>
  </si>
  <si>
    <t>(学)横須賀学院</t>
    <phoneticPr fontId="1"/>
  </si>
  <si>
    <t>平塚学園高等学校</t>
  </si>
  <si>
    <t>〒254-0805</t>
  </si>
  <si>
    <t>平塚市高浜台31-19</t>
  </si>
  <si>
    <t>0463-22-0137</t>
  </si>
  <si>
    <t>(学)平塚学園</t>
    <phoneticPr fontId="1"/>
  </si>
  <si>
    <t>栄光学園高等学校</t>
  </si>
  <si>
    <t>鎌倉学園高等学校</t>
  </si>
  <si>
    <t>(学)鎌倉学園</t>
    <phoneticPr fontId="1"/>
  </si>
  <si>
    <t>鎌倉女学院高等学校</t>
  </si>
  <si>
    <t>(学)鎌倉女学院</t>
    <phoneticPr fontId="1"/>
  </si>
  <si>
    <t>北鎌倉女子学園高等学校</t>
  </si>
  <si>
    <t>(学)北鎌倉女子学園</t>
    <phoneticPr fontId="1"/>
  </si>
  <si>
    <t>普/音</t>
  </si>
  <si>
    <t>(学)鎌倉女子大学</t>
    <phoneticPr fontId="1"/>
  </si>
  <si>
    <t>清泉女学院高等学校</t>
  </si>
  <si>
    <t>(学)清泉女学院</t>
    <phoneticPr fontId="1"/>
  </si>
  <si>
    <t>鵠沼高等学校</t>
  </si>
  <si>
    <t>〒251-0031</t>
  </si>
  <si>
    <t>藤沢市鵠沼藤が谷４丁目9-10</t>
  </si>
  <si>
    <t>0466-22-4783</t>
  </si>
  <si>
    <t>(学)藤嶺学園</t>
    <phoneticPr fontId="1"/>
  </si>
  <si>
    <t>湘南工科大学附属高等学校</t>
  </si>
  <si>
    <t>〒251-8512</t>
  </si>
  <si>
    <t>藤沢市辻堂西海岸１丁目1-25</t>
  </si>
  <si>
    <t>0466-34-4114</t>
  </si>
  <si>
    <t>(学)湘南工科大学</t>
    <phoneticPr fontId="1"/>
  </si>
  <si>
    <t>湘南学園高等学校</t>
  </si>
  <si>
    <t>(学)湘南学園</t>
    <phoneticPr fontId="1"/>
  </si>
  <si>
    <t>湘南白百合学園高等学校</t>
  </si>
  <si>
    <t>日本大学藤沢高等学校</t>
  </si>
  <si>
    <t>0466-81-0123</t>
  </si>
  <si>
    <t>藤嶺学園藤沢高等学校</t>
  </si>
  <si>
    <t>藤沢翔陵高等学校</t>
  </si>
  <si>
    <t>藤沢市善行７丁目1-3</t>
  </si>
  <si>
    <t>0466-81-3456</t>
  </si>
  <si>
    <t>聖園女学院高等学校</t>
  </si>
  <si>
    <t>慶應義塾湘南藤沢高等部</t>
  </si>
  <si>
    <t>旭丘高等学校</t>
  </si>
  <si>
    <t>小田原市城内1-13</t>
  </si>
  <si>
    <t>0465-24-2227</t>
  </si>
  <si>
    <t>(学)新名学園</t>
    <phoneticPr fontId="1"/>
  </si>
  <si>
    <t>普/総</t>
  </si>
  <si>
    <t>相洋高等学校</t>
  </si>
  <si>
    <t>0465-22-0211</t>
  </si>
  <si>
    <t>(学)明徳学園</t>
    <phoneticPr fontId="1"/>
  </si>
  <si>
    <t>アレセイア湘南高等学校</t>
  </si>
  <si>
    <t>0467-87-0132</t>
  </si>
  <si>
    <t>(学)平和学園</t>
    <phoneticPr fontId="1"/>
  </si>
  <si>
    <t>聖和学院高等学校</t>
    <rPh sb="0" eb="2">
      <t>セイワ</t>
    </rPh>
    <phoneticPr fontId="1"/>
  </si>
  <si>
    <t>(学)聖和学院</t>
    <phoneticPr fontId="1"/>
  </si>
  <si>
    <t>普/英語</t>
  </si>
  <si>
    <t>逗子開成高等学校</t>
  </si>
  <si>
    <t>(学)逗子開成学園</t>
    <phoneticPr fontId="1"/>
  </si>
  <si>
    <t>聖セシリア女子高等学校</t>
  </si>
  <si>
    <t>046-275-3727</t>
  </si>
  <si>
    <t>(学)大和学園</t>
    <phoneticPr fontId="1"/>
  </si>
  <si>
    <t>柏木学園高等学校</t>
  </si>
  <si>
    <t>〒242-0018</t>
  </si>
  <si>
    <t>大和市深見西４丁目4-22</t>
  </si>
  <si>
    <t>046-260-9011</t>
  </si>
  <si>
    <t>(学)柏木学園</t>
    <phoneticPr fontId="1"/>
  </si>
  <si>
    <t>向上高等学校</t>
  </si>
  <si>
    <t>〒259-1185</t>
  </si>
  <si>
    <t>伊勢原市見附島411</t>
  </si>
  <si>
    <t>0463-96-0411</t>
  </si>
  <si>
    <t>(学)向上学園</t>
    <phoneticPr fontId="1"/>
  </si>
  <si>
    <t>立花学園高等学校</t>
  </si>
  <si>
    <t>〒258-0003</t>
  </si>
  <si>
    <t>足柄上郡松田町松田惣領307-2</t>
  </si>
  <si>
    <t>0465-83-1081</t>
  </si>
  <si>
    <t>(学)立花学園</t>
    <phoneticPr fontId="1"/>
  </si>
  <si>
    <t>函嶺白百合学園高等学校</t>
  </si>
  <si>
    <t>(学)函嶺白百合学園</t>
    <phoneticPr fontId="1"/>
  </si>
  <si>
    <t>清心女子高等学校</t>
  </si>
  <si>
    <t>通信制</t>
    <phoneticPr fontId="1"/>
  </si>
  <si>
    <t>横浜市港北区篠原台町36-37</t>
  </si>
  <si>
    <t>045-421-8864</t>
  </si>
  <si>
    <t>秀英高等学校</t>
  </si>
  <si>
    <t>横浜市泉区和泉町7865</t>
  </si>
  <si>
    <t>045-806-2100</t>
  </si>
  <si>
    <t>厚木中央高等学校</t>
  </si>
  <si>
    <t>厚木市恩名１丁目17-18</t>
  </si>
  <si>
    <t>046-221-5678</t>
  </si>
  <si>
    <t>(学)鈴木学園</t>
    <phoneticPr fontId="1"/>
  </si>
  <si>
    <t>竹下　隆造</t>
  </si>
  <si>
    <t>普/工</t>
  </si>
  <si>
    <t>高倉　織江</t>
  </si>
  <si>
    <t>星槎高等学校</t>
    <rPh sb="0" eb="2">
      <t>セイサ</t>
    </rPh>
    <phoneticPr fontId="1"/>
  </si>
  <si>
    <t>045-442-6685</t>
    <phoneticPr fontId="1"/>
  </si>
  <si>
    <t>桐蔭学園中等教育学校</t>
  </si>
  <si>
    <t>共</t>
    <phoneticPr fontId="1"/>
  </si>
  <si>
    <t>自修館中等教育学校</t>
  </si>
  <si>
    <t>0463-97-2100</t>
  </si>
  <si>
    <t>(学)向上学園</t>
  </si>
  <si>
    <t>部</t>
  </si>
  <si>
    <t>横浜訓盲学院</t>
  </si>
  <si>
    <t>〒231-0847</t>
  </si>
  <si>
    <t>横浜市中区竹之丸181</t>
  </si>
  <si>
    <t>045-641-2626</t>
  </si>
  <si>
    <t>(学)横浜訓盲学院</t>
  </si>
  <si>
    <t>高等部/中学部/小学部/幼稚部</t>
    <rPh sb="5" eb="6">
      <t>ガク</t>
    </rPh>
    <phoneticPr fontId="1"/>
  </si>
  <si>
    <t>聖坂支援学校</t>
    <rPh sb="2" eb="4">
      <t>シエン</t>
    </rPh>
    <phoneticPr fontId="1"/>
  </si>
  <si>
    <t>横浜市中区山手町140</t>
  </si>
  <si>
    <t>045-622-2974</t>
  </si>
  <si>
    <t>(学)聖坂学院</t>
  </si>
  <si>
    <t>高等部/中学部/小学部</t>
    <rPh sb="5" eb="6">
      <t>ガク</t>
    </rPh>
    <phoneticPr fontId="1"/>
  </si>
  <si>
    <t>ホライゾンジャパンインターナショナルスクール</t>
  </si>
  <si>
    <t>〒221-0055</t>
    <phoneticPr fontId="1"/>
  </si>
  <si>
    <t>横浜市神奈川区大野町1-24</t>
    <rPh sb="3" eb="6">
      <t>カナガワ</t>
    </rPh>
    <rPh sb="7" eb="10">
      <t>オオノマチ</t>
    </rPh>
    <phoneticPr fontId="1"/>
  </si>
  <si>
    <t>045-624-8757</t>
    <phoneticPr fontId="1"/>
  </si>
  <si>
    <t>(学)ホライゾン学園</t>
  </si>
  <si>
    <t>神奈川朝鮮中高級学校</t>
  </si>
  <si>
    <t>横浜市神奈川区沢渡21</t>
  </si>
  <si>
    <t>045-311-0689</t>
    <phoneticPr fontId="1"/>
  </si>
  <si>
    <t>(学)神奈川朝鮮学園</t>
  </si>
  <si>
    <t>横浜朝鮮初級学校</t>
  </si>
  <si>
    <t>045-311-4966</t>
  </si>
  <si>
    <t>サンモール　インターナショナル　スクール</t>
  </si>
  <si>
    <t>〒231-8654</t>
  </si>
  <si>
    <t>横浜市中区山手町83</t>
  </si>
  <si>
    <t>045-641-5751</t>
  </si>
  <si>
    <t>(学)サンモール　インターナショナル　スクール</t>
  </si>
  <si>
    <t>横浜インターナショナルスクール</t>
  </si>
  <si>
    <t>〒231-0802</t>
    <phoneticPr fontId="1"/>
  </si>
  <si>
    <t>横浜市中区小港町2-100-1</t>
    <rPh sb="5" eb="7">
      <t>コミナト</t>
    </rPh>
    <rPh sb="7" eb="8">
      <t>マチ</t>
    </rPh>
    <phoneticPr fontId="1"/>
  </si>
  <si>
    <t>045-622-0084</t>
  </si>
  <si>
    <t>(学)横浜インターナショナルスクール</t>
  </si>
  <si>
    <t>横濱中華學院</t>
    <rPh sb="0" eb="2">
      <t>ヨコハマ</t>
    </rPh>
    <rPh sb="4" eb="5">
      <t>マナブ</t>
    </rPh>
    <rPh sb="5" eb="6">
      <t>イン</t>
    </rPh>
    <phoneticPr fontId="1"/>
  </si>
  <si>
    <t>〒231-0023</t>
  </si>
  <si>
    <t>横浜市中区山下町142</t>
  </si>
  <si>
    <t>045-681-3608</t>
  </si>
  <si>
    <t>(学)横濱中華學院</t>
    <phoneticPr fontId="1"/>
  </si>
  <si>
    <t>横浜山手中華学校</t>
  </si>
  <si>
    <t>横浜市中区吉浜町2-66</t>
    <rPh sb="5" eb="7">
      <t>ヨシハマ</t>
    </rPh>
    <phoneticPr fontId="1"/>
  </si>
  <si>
    <t>045-641-0393</t>
  </si>
  <si>
    <t>(学)横浜山手中華学園</t>
  </si>
  <si>
    <t>東京横浜独逸学園</t>
  </si>
  <si>
    <t>〒224-0037</t>
  </si>
  <si>
    <t>横浜市都筑区茅ヶ崎南２丁目4-1　</t>
  </si>
  <si>
    <t>045-941-4841</t>
  </si>
  <si>
    <t>公益財団法人東京横浜独逸学園</t>
    <rPh sb="0" eb="2">
      <t>コウエキ</t>
    </rPh>
    <rPh sb="2" eb="6">
      <t>ザイダンホウジン</t>
    </rPh>
    <phoneticPr fontId="1"/>
  </si>
  <si>
    <t>ルジチカ・ダニエル・純一郎</t>
    <rPh sb="10" eb="13">
      <t>ジュンイチロウ</t>
    </rPh>
    <phoneticPr fontId="1"/>
  </si>
  <si>
    <t>川崎朝鮮初級学校</t>
    <phoneticPr fontId="1"/>
  </si>
  <si>
    <t>〒210-0833</t>
  </si>
  <si>
    <t>川崎市川崎区桜本２丁目43-1</t>
  </si>
  <si>
    <t>044-266-3091</t>
  </si>
  <si>
    <t>姜　珠淑</t>
    <phoneticPr fontId="1"/>
  </si>
  <si>
    <t>金　燦旭</t>
  </si>
  <si>
    <t>南武朝鮮初級学校</t>
  </si>
  <si>
    <t>川崎市高津区末長３丁目1-15</t>
    <rPh sb="9" eb="11">
      <t>チョウメ</t>
    </rPh>
    <phoneticPr fontId="1"/>
  </si>
  <si>
    <t>044-866-6411</t>
  </si>
  <si>
    <t>岩本  邦彦</t>
  </si>
  <si>
    <t>清水　臣</t>
  </si>
  <si>
    <t>岩崎　泉</t>
  </si>
  <si>
    <t>大西　 亜季</t>
  </si>
  <si>
    <t>山口　倫</t>
  </si>
  <si>
    <t>藤田  聡</t>
  </si>
  <si>
    <t>井上 　華都也</t>
  </si>
  <si>
    <t>八木  雅人</t>
  </si>
  <si>
    <t>井殿  準</t>
  </si>
  <si>
    <t>岩本  勉</t>
  </si>
  <si>
    <t>高橋  栄</t>
  </si>
  <si>
    <t>小林  俊</t>
  </si>
  <si>
    <t>大竹  守</t>
  </si>
  <si>
    <t>原  あづさ</t>
  </si>
  <si>
    <t>藤野　心</t>
  </si>
  <si>
    <t>森  厚子</t>
  </si>
  <si>
    <t>椿  伊智郎</t>
  </si>
  <si>
    <t>櫻井　 篤</t>
  </si>
  <si>
    <t>北村  真理</t>
  </si>
  <si>
    <t>角田  衛</t>
  </si>
  <si>
    <t>課程</t>
  </si>
  <si>
    <t>横浜ファッションデザイン専門学校</t>
  </si>
  <si>
    <t>専門</t>
  </si>
  <si>
    <t>〒230-0051</t>
  </si>
  <si>
    <t>横浜市鶴見区鶴見中央１丁目9-5</t>
  </si>
  <si>
    <t>045-501-5460</t>
  </si>
  <si>
    <t>(学)桜井学園</t>
    <rPh sb="1" eb="2">
      <t>ガク</t>
    </rPh>
    <rPh sb="3" eb="4">
      <t>サクラ</t>
    </rPh>
    <phoneticPr fontId="1"/>
  </si>
  <si>
    <t>横浜市医師会聖灯看護専門学校</t>
    <rPh sb="0" eb="3">
      <t>ヨコハマシ</t>
    </rPh>
    <rPh sb="3" eb="6">
      <t>イシカイ</t>
    </rPh>
    <rPh sb="6" eb="7">
      <t>セイ</t>
    </rPh>
    <rPh sb="7" eb="8">
      <t>ヒ</t>
    </rPh>
    <rPh sb="8" eb="10">
      <t>カンゴ</t>
    </rPh>
    <rPh sb="10" eb="12">
      <t>センモン</t>
    </rPh>
    <rPh sb="12" eb="14">
      <t>ガッコウ</t>
    </rPh>
    <phoneticPr fontId="1"/>
  </si>
  <si>
    <t>専門</t>
    <rPh sb="0" eb="2">
      <t>センモン</t>
    </rPh>
    <phoneticPr fontId="1"/>
  </si>
  <si>
    <t>〒231-0047</t>
    <phoneticPr fontId="1"/>
  </si>
  <si>
    <t>横浜市鶴見区下野谷町３丁目88-16</t>
    <rPh sb="0" eb="3">
      <t>ヨコハマシ</t>
    </rPh>
    <rPh sb="3" eb="6">
      <t>ツルミク</t>
    </rPh>
    <rPh sb="6" eb="7">
      <t>シタ</t>
    </rPh>
    <rPh sb="7" eb="8">
      <t>ノ</t>
    </rPh>
    <rPh sb="8" eb="9">
      <t>タニ</t>
    </rPh>
    <rPh sb="9" eb="10">
      <t>マチ</t>
    </rPh>
    <rPh sb="11" eb="13">
      <t>チョウメ</t>
    </rPh>
    <phoneticPr fontId="1"/>
  </si>
  <si>
    <t>045-717-6633</t>
    <phoneticPr fontId="1"/>
  </si>
  <si>
    <t>一般社団法人横浜市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2">
      <t>イシカイ</t>
    </rPh>
    <phoneticPr fontId="1"/>
  </si>
  <si>
    <t>戸塚武和</t>
  </si>
  <si>
    <t>浅野工学専門学校</t>
  </si>
  <si>
    <t>045-421-0403</t>
  </si>
  <si>
    <t>(学)浅野工学園</t>
    <phoneticPr fontId="1"/>
  </si>
  <si>
    <t>大原簿記情報ビジネス専門学校横浜校</t>
  </si>
  <si>
    <t>〒221-0825</t>
  </si>
  <si>
    <t>横浜市神奈川区反町１丁目8-14</t>
  </si>
  <si>
    <t>045-324-3811</t>
  </si>
  <si>
    <t>(学)大原学園</t>
    <phoneticPr fontId="1"/>
  </si>
  <si>
    <t>横浜情報ＩＴクリエイター専門学校</t>
  </si>
  <si>
    <t>専門</t>
    <rPh sb="0" eb="2">
      <t>センモン</t>
    </rPh>
    <phoneticPr fontId="1"/>
  </si>
  <si>
    <t>横浜市神奈川区反町１丁目8-14</t>
    <rPh sb="0" eb="3">
      <t>ヨコハマシ</t>
    </rPh>
    <rPh sb="3" eb="7">
      <t>カナガワク</t>
    </rPh>
    <phoneticPr fontId="1"/>
  </si>
  <si>
    <t>仁科　幸久</t>
  </si>
  <si>
    <t>駿台予備学校横浜校</t>
  </si>
  <si>
    <t>一般</t>
  </si>
  <si>
    <t>〒221-0835</t>
  </si>
  <si>
    <t>横浜市神奈川区鶴屋町２丁目23-7</t>
  </si>
  <si>
    <t>045-316-2311</t>
  </si>
  <si>
    <t>(学)駿河台学園</t>
    <phoneticPr fontId="1"/>
  </si>
  <si>
    <t>横浜調理師専門学校</t>
  </si>
  <si>
    <t>高等/専門</t>
    <phoneticPr fontId="1"/>
  </si>
  <si>
    <t>横浜市神奈川区鶴屋町３丁目31-4</t>
  </si>
  <si>
    <t>045-311-4126</t>
  </si>
  <si>
    <t>(学)難波学園</t>
    <phoneticPr fontId="1"/>
  </si>
  <si>
    <t>大原法律公務員専門学校横浜校</t>
  </si>
  <si>
    <t>横浜市神奈川区反町１丁目10-1</t>
  </si>
  <si>
    <t>045-324-4837</t>
  </si>
  <si>
    <t>横浜日建工科専門学校</t>
  </si>
  <si>
    <t>〒221-0834</t>
  </si>
  <si>
    <t>横浜市神奈川区台町17-5</t>
  </si>
  <si>
    <t>045-290-3051</t>
  </si>
  <si>
    <t>(学)実務学園</t>
    <phoneticPr fontId="1"/>
  </si>
  <si>
    <t>大原医療秘書福祉保育専門学校横浜校</t>
    <rPh sb="8" eb="10">
      <t>ホイク</t>
    </rPh>
    <phoneticPr fontId="1"/>
  </si>
  <si>
    <t>横浜市神奈川区桐畑3-7</t>
  </si>
  <si>
    <t>045-311-6821</t>
  </si>
  <si>
    <t>横浜リゾート＆スポーツ専門学校</t>
    <phoneticPr fontId="1"/>
  </si>
  <si>
    <t>〒221-0822</t>
  </si>
  <si>
    <t>横浜市神奈川区西神奈川１丁目19-2</t>
  </si>
  <si>
    <t>045-317-9535</t>
  </si>
  <si>
    <t>大石　進</t>
  </si>
  <si>
    <t>横浜ウェディング＆ブライダル専門学校</t>
  </si>
  <si>
    <t>横浜市神奈川区西神奈川１丁目18-2</t>
    <phoneticPr fontId="1"/>
  </si>
  <si>
    <t>045-718-5573</t>
  </si>
  <si>
    <t>(学)三幸学園</t>
  </si>
  <si>
    <t>中野久美子</t>
  </si>
  <si>
    <t>鳥居　敏</t>
  </si>
  <si>
    <t>横浜ビューティーアート専門学校</t>
  </si>
  <si>
    <t>横浜市神奈川区西神奈川１丁目19-6</t>
  </si>
  <si>
    <t>045-434-2846</t>
  </si>
  <si>
    <t>(学)三幸学園</t>
    <rPh sb="1" eb="2">
      <t>ガク</t>
    </rPh>
    <rPh sb="3" eb="4">
      <t>サン</t>
    </rPh>
    <rPh sb="4" eb="5">
      <t>サイワ</t>
    </rPh>
    <rPh sb="5" eb="7">
      <t>ガクエン</t>
    </rPh>
    <phoneticPr fontId="1"/>
  </si>
  <si>
    <t>横浜公務員＆IT会計専門学校</t>
    <rPh sb="0" eb="2">
      <t>ヨコハマ</t>
    </rPh>
    <rPh sb="2" eb="5">
      <t>コウムイン</t>
    </rPh>
    <rPh sb="8" eb="10">
      <t>カイケイ</t>
    </rPh>
    <rPh sb="10" eb="12">
      <t>センモン</t>
    </rPh>
    <rPh sb="12" eb="14">
      <t>ガッコウ</t>
    </rPh>
    <phoneticPr fontId="1"/>
  </si>
  <si>
    <t>横浜市神奈川区台町9-5</t>
    <phoneticPr fontId="1"/>
  </si>
  <si>
    <t>045-290-0035</t>
  </si>
  <si>
    <t>(学)立志舎</t>
    <phoneticPr fontId="1"/>
  </si>
  <si>
    <t>橋本　憲和</t>
  </si>
  <si>
    <t>塚原　一功</t>
  </si>
  <si>
    <t>横浜動物専門学校</t>
  </si>
  <si>
    <t>横浜市神奈川区台町9-12</t>
    <phoneticPr fontId="1"/>
  </si>
  <si>
    <t>045-534-5114</t>
  </si>
  <si>
    <t>横浜医療専門学校</t>
  </si>
  <si>
    <t>〒221-0056</t>
  </si>
  <si>
    <t>横浜市神奈川区金港町9-12</t>
  </si>
  <si>
    <t>045-440-1750</t>
  </si>
  <si>
    <t>(学)平成医療学園</t>
    <phoneticPr fontId="1"/>
  </si>
  <si>
    <t>横浜こども専門学校</t>
  </si>
  <si>
    <t>〒221-0823</t>
    <phoneticPr fontId="1"/>
  </si>
  <si>
    <t>横浜市神奈川区二ッ谷町１丁目19</t>
    <rPh sb="7" eb="10">
      <t>フタツヤ</t>
    </rPh>
    <rPh sb="10" eb="11">
      <t>マチ</t>
    </rPh>
    <phoneticPr fontId="1"/>
  </si>
  <si>
    <t>045-317-9961</t>
  </si>
  <si>
    <t>(学)三幸学園</t>
    <phoneticPr fontId="1"/>
  </si>
  <si>
    <t>加藤　充洋</t>
  </si>
  <si>
    <t>横浜スイーツ＆カフェ専門学校</t>
    <rPh sb="0" eb="2">
      <t>ヨコハマ</t>
    </rPh>
    <rPh sb="10" eb="12">
      <t>センモン</t>
    </rPh>
    <rPh sb="12" eb="14">
      <t>ガッコウ</t>
    </rPh>
    <phoneticPr fontId="1"/>
  </si>
  <si>
    <t>横浜市神奈川区西神奈川１丁目7-5</t>
    <phoneticPr fontId="1"/>
  </si>
  <si>
    <t>045-276-4632</t>
    <phoneticPr fontId="1"/>
  </si>
  <si>
    <t>中野　久美子</t>
  </si>
  <si>
    <t>横浜中央看護専門学校</t>
    <rPh sb="0" eb="2">
      <t>ヨコハマ</t>
    </rPh>
    <rPh sb="2" eb="4">
      <t>チュウオウ</t>
    </rPh>
    <rPh sb="4" eb="6">
      <t>カンゴ</t>
    </rPh>
    <rPh sb="6" eb="8">
      <t>センモン</t>
    </rPh>
    <rPh sb="8" eb="10">
      <t>ガッコウ</t>
    </rPh>
    <phoneticPr fontId="1"/>
  </si>
  <si>
    <t>〒221-0043</t>
    <phoneticPr fontId="1"/>
  </si>
  <si>
    <t>横浜市神奈川区新町11-１</t>
    <rPh sb="0" eb="3">
      <t>ヨコハマシ</t>
    </rPh>
    <rPh sb="3" eb="7">
      <t>カナガワク</t>
    </rPh>
    <rPh sb="7" eb="9">
      <t>シンマチ</t>
    </rPh>
    <phoneticPr fontId="1"/>
  </si>
  <si>
    <t>045-453-1115</t>
    <phoneticPr fontId="1"/>
  </si>
  <si>
    <t>(学)康学舎</t>
    <rPh sb="3" eb="4">
      <t>ヤスシ</t>
    </rPh>
    <rPh sb="4" eb="5">
      <t>マナブ</t>
    </rPh>
    <rPh sb="5" eb="6">
      <t>シャ</t>
    </rPh>
    <phoneticPr fontId="1"/>
  </si>
  <si>
    <t>情報科学専門学校</t>
  </si>
  <si>
    <t>横浜市神奈川区鶴屋町２丁目17相鉄岩崎学園ビル</t>
    <rPh sb="11" eb="13">
      <t>チョウメ</t>
    </rPh>
    <phoneticPr fontId="1"/>
  </si>
  <si>
    <t>045-311-5562</t>
  </si>
  <si>
    <t>(学)岩崎学園</t>
    <phoneticPr fontId="1"/>
  </si>
  <si>
    <t>河合塾横浜校</t>
  </si>
  <si>
    <t>〒220-0005</t>
  </si>
  <si>
    <t>横浜市西区北幸２丁目11-6</t>
    <rPh sb="5" eb="6">
      <t>キタ</t>
    </rPh>
    <phoneticPr fontId="1"/>
  </si>
  <si>
    <t>045-312-6581</t>
  </si>
  <si>
    <t>(学)河合塾</t>
    <phoneticPr fontId="1"/>
  </si>
  <si>
    <t>グレッグ外語専門学校横浜校</t>
  </si>
  <si>
    <t>横浜市西区南幸２丁目4-3</t>
  </si>
  <si>
    <t>045-311-8900</t>
  </si>
  <si>
    <t>(学)東京ビジネス学園</t>
    <phoneticPr fontId="1"/>
  </si>
  <si>
    <t>横浜デザイン学院</t>
  </si>
  <si>
    <t>横浜市西区中央１丁目33-6</t>
  </si>
  <si>
    <t>045-323-0300</t>
  </si>
  <si>
    <t>(学)石川学園</t>
    <phoneticPr fontId="1"/>
  </si>
  <si>
    <t>横浜経理専門学校</t>
  </si>
  <si>
    <t>〒220-0011</t>
  </si>
  <si>
    <t>横浜市西区高島２丁目2-11</t>
  </si>
  <si>
    <t>045-453-5500</t>
  </si>
  <si>
    <t>(学)田村学園</t>
    <phoneticPr fontId="1"/>
  </si>
  <si>
    <t>横浜歯科医療専門学校</t>
    <rPh sb="4" eb="6">
      <t>イリョウ</t>
    </rPh>
    <phoneticPr fontId="1"/>
  </si>
  <si>
    <t>〒220-0011</t>
    <phoneticPr fontId="1"/>
  </si>
  <si>
    <t>横浜市西区高島１丁目2-15</t>
    <rPh sb="8" eb="10">
      <t>チョウメ</t>
    </rPh>
    <phoneticPr fontId="1"/>
  </si>
  <si>
    <t>045-222-8666</t>
    <phoneticPr fontId="1"/>
  </si>
  <si>
    <t>(学)みなとみらい学園</t>
    <rPh sb="9" eb="11">
      <t>ガクエン</t>
    </rPh>
    <phoneticPr fontId="1"/>
  </si>
  <si>
    <t>岩谷学園よこはまＩＴビジネス専門学校</t>
    <phoneticPr fontId="1"/>
  </si>
  <si>
    <t>〒220-0023</t>
  </si>
  <si>
    <t>横浜市西区平沼１丁目38-10</t>
  </si>
  <si>
    <t>045-321-3210</t>
  </si>
  <si>
    <t>(学)岩谷学園</t>
    <phoneticPr fontId="1"/>
  </si>
  <si>
    <t>横浜ｆカレッジ</t>
  </si>
  <si>
    <t>〒220-0004</t>
  </si>
  <si>
    <t>横浜市西区北幸１丁目2-7</t>
  </si>
  <si>
    <t>045-311-5561</t>
  </si>
  <si>
    <t>アーツカレッジヨコハマ</t>
  </si>
  <si>
    <t>〒220-0072</t>
  </si>
  <si>
    <t>横浜市西区浅間町２丁目105-8</t>
  </si>
  <si>
    <t>045-324-0011</t>
  </si>
  <si>
    <t>(学)情報文化学園</t>
    <phoneticPr fontId="1"/>
  </si>
  <si>
    <t>国際フード製菓専門学校</t>
  </si>
  <si>
    <t>〒220-0004</t>
    <phoneticPr fontId="1"/>
  </si>
  <si>
    <t>横浜市西区北幸２丁目9-6</t>
    <rPh sb="5" eb="7">
      <t>キタサイワイ</t>
    </rPh>
    <rPh sb="8" eb="10">
      <t>チョウメ</t>
    </rPh>
    <phoneticPr fontId="1"/>
  </si>
  <si>
    <t>045-313-4411</t>
  </si>
  <si>
    <t>(学)誠心学園</t>
    <phoneticPr fontId="1"/>
  </si>
  <si>
    <t>専門学校横浜ミュージックスクール</t>
  </si>
  <si>
    <t>〒220-0003</t>
  </si>
  <si>
    <t>横浜市西区楠町5-6</t>
  </si>
  <si>
    <t>045-411-0282</t>
  </si>
  <si>
    <t>(学)杉山学園</t>
    <phoneticPr fontId="1"/>
  </si>
  <si>
    <t>岩谷学園アーティスティックＢ横浜美容専門学校</t>
    <rPh sb="14" eb="16">
      <t>ヨコハマ</t>
    </rPh>
    <rPh sb="16" eb="18">
      <t>ビヨウ</t>
    </rPh>
    <phoneticPr fontId="1"/>
  </si>
  <si>
    <t>横浜市西区平沼１丁目38-13</t>
    <phoneticPr fontId="1"/>
  </si>
  <si>
    <t>045-290-7090</t>
  </si>
  <si>
    <t>岩谷学園高等専修学校</t>
  </si>
  <si>
    <t>高等</t>
  </si>
  <si>
    <t>横浜市西区平沼１丁目38-19</t>
  </si>
  <si>
    <t>045-324-5867</t>
  </si>
  <si>
    <t>志村　秀穂</t>
  </si>
  <si>
    <t>あずま工科専門学校</t>
    <rPh sb="3" eb="5">
      <t>コウカ</t>
    </rPh>
    <rPh sb="5" eb="7">
      <t>センモン</t>
    </rPh>
    <rPh sb="7" eb="9">
      <t>ガッコウ</t>
    </rPh>
    <phoneticPr fontId="1"/>
  </si>
  <si>
    <t>〒231-0053</t>
    <phoneticPr fontId="1"/>
  </si>
  <si>
    <t>横浜市中区初音町１丁目2-2</t>
    <rPh sb="0" eb="3">
      <t>ヨコハマシ</t>
    </rPh>
    <rPh sb="4" eb="5">
      <t>ク</t>
    </rPh>
    <rPh sb="5" eb="7">
      <t>ハツネ</t>
    </rPh>
    <rPh sb="7" eb="8">
      <t>マチ</t>
    </rPh>
    <rPh sb="9" eb="11">
      <t>チョウメ</t>
    </rPh>
    <phoneticPr fontId="1"/>
  </si>
  <si>
    <t>045-315-7351</t>
    <phoneticPr fontId="1"/>
  </si>
  <si>
    <t>(学)知恩学園</t>
    <rPh sb="1" eb="2">
      <t>ガク</t>
    </rPh>
    <rPh sb="3" eb="5">
      <t>チオン</t>
    </rPh>
    <rPh sb="5" eb="7">
      <t>ガクエン</t>
    </rPh>
    <phoneticPr fontId="1"/>
  </si>
  <si>
    <t>横浜ベルエポック美容専門学校</t>
  </si>
  <si>
    <t>〒231-0035</t>
  </si>
  <si>
    <t>横浜市中区千歳町3-6</t>
    <phoneticPr fontId="1"/>
  </si>
  <si>
    <t>045-315-7010</t>
  </si>
  <si>
    <t>(学)東京滋慶学園</t>
  </si>
  <si>
    <t>小峯千代子</t>
  </si>
  <si>
    <t>中村　道雄</t>
  </si>
  <si>
    <t>横浜市中区長者町4-9-10</t>
    <rPh sb="5" eb="8">
      <t>チョウジャマチ</t>
    </rPh>
    <phoneticPr fontId="1"/>
  </si>
  <si>
    <t>045-402-9878</t>
  </si>
  <si>
    <t>横浜ＹＭＣＡ学院専門学校</t>
  </si>
  <si>
    <t>〒231-8458</t>
  </si>
  <si>
    <t>横浜市中区常盤町１丁目7</t>
  </si>
  <si>
    <t>045-641-5785</t>
  </si>
  <si>
    <t>公益財団法人横浜ＹＭＣＡ</t>
    <rPh sb="0" eb="2">
      <t>コウエキ</t>
    </rPh>
    <rPh sb="2" eb="4">
      <t>ザイダン</t>
    </rPh>
    <rPh sb="4" eb="6">
      <t>ホウジン</t>
    </rPh>
    <phoneticPr fontId="1"/>
  </si>
  <si>
    <t>横浜テクノオート専門学校</t>
  </si>
  <si>
    <t>横浜市南区中村町５丁目315</t>
  </si>
  <si>
    <t>045-261-0520</t>
  </si>
  <si>
    <t>(学)五大</t>
    <phoneticPr fontId="1"/>
  </si>
  <si>
    <t>聖ヶ丘保育専門学校</t>
    <rPh sb="3" eb="5">
      <t>ホイク</t>
    </rPh>
    <rPh sb="5" eb="7">
      <t>センモン</t>
    </rPh>
    <rPh sb="7" eb="9">
      <t>ガッコウ</t>
    </rPh>
    <phoneticPr fontId="1"/>
  </si>
  <si>
    <t>〒240-0067</t>
  </si>
  <si>
    <t>横浜市保土ヶ谷区常盤台66-18</t>
  </si>
  <si>
    <t>045-335-2312</t>
  </si>
  <si>
    <t>(学)聖ヶ丘学園</t>
    <phoneticPr fontId="1"/>
  </si>
  <si>
    <t>横浜栄養専門学校</t>
  </si>
  <si>
    <t>〒240-0035</t>
  </si>
  <si>
    <t>横浜市保土ヶ谷区今井町1447-1</t>
  </si>
  <si>
    <t>045-351-0514</t>
  </si>
  <si>
    <t>横浜理容美容専門学校</t>
  </si>
  <si>
    <t>横浜市港北区樽町２丁目6-11</t>
  </si>
  <si>
    <t>045-541-0567</t>
  </si>
  <si>
    <t>(学)神奈川理容美容学園</t>
    <phoneticPr fontId="1"/>
  </si>
  <si>
    <t>新横浜歯科衛生士・歯科技工士専門学校</t>
    <rPh sb="0" eb="3">
      <t>シンヨコハマ</t>
    </rPh>
    <rPh sb="5" eb="8">
      <t>エイセイシ</t>
    </rPh>
    <rPh sb="9" eb="11">
      <t>シカ</t>
    </rPh>
    <rPh sb="11" eb="14">
      <t>ギコウシ</t>
    </rPh>
    <rPh sb="13" eb="14">
      <t>シ</t>
    </rPh>
    <phoneticPr fontId="1"/>
  </si>
  <si>
    <t>〒222-0033</t>
  </si>
  <si>
    <t>横浜市港北区新横浜２丁目5-8</t>
    <phoneticPr fontId="1"/>
  </si>
  <si>
    <t>045-472-5101</t>
  </si>
  <si>
    <t>(学)共生学園</t>
    <phoneticPr fontId="1"/>
  </si>
  <si>
    <t>東京綜合写真専門学校</t>
  </si>
  <si>
    <t>〒223-0051</t>
  </si>
  <si>
    <t>横浜市港北区箕輪町２丁目2-32</t>
  </si>
  <si>
    <t>045-563-3077</t>
  </si>
  <si>
    <t>(学)写真学園</t>
    <phoneticPr fontId="1"/>
  </si>
  <si>
    <t>横浜高等教育専門学校</t>
  </si>
  <si>
    <t>045-421-8861</t>
  </si>
  <si>
    <t>横浜スポーツ＆医療ウェルネス専門学校</t>
  </si>
  <si>
    <t>横浜市港北区新横浜２丁目4-10</t>
  </si>
  <si>
    <t>045-474-2311</t>
  </si>
  <si>
    <t>横浜デジタルアーツ専門学校</t>
  </si>
  <si>
    <t>横浜市港北区新横浜３丁目22-17</t>
    <phoneticPr fontId="1"/>
  </si>
  <si>
    <t>045-474-5911</t>
    <phoneticPr fontId="1"/>
  </si>
  <si>
    <t>横浜呉竹医療専門学校</t>
  </si>
  <si>
    <t>横浜市港北区新横浜２丁目7-24</t>
  </si>
  <si>
    <t>045-471-3731</t>
  </si>
  <si>
    <t>(学)呉竹学園</t>
    <phoneticPr fontId="1"/>
  </si>
  <si>
    <t>(独)労働者健康安全機構横浜労災看護専門学校</t>
    <rPh sb="8" eb="10">
      <t>アンゼン</t>
    </rPh>
    <phoneticPr fontId="1"/>
  </si>
  <si>
    <t>横浜市港北区小机町3211</t>
  </si>
  <si>
    <t>045-474-6570</t>
  </si>
  <si>
    <t>(独)労働者健康安全機構</t>
    <phoneticPr fontId="1"/>
  </si>
  <si>
    <t>横浜実践看護専門学校</t>
    <rPh sb="0" eb="2">
      <t>ヨコハマ</t>
    </rPh>
    <rPh sb="2" eb="4">
      <t>ジッセン</t>
    </rPh>
    <rPh sb="4" eb="6">
      <t>カンゴ</t>
    </rPh>
    <rPh sb="6" eb="8">
      <t>センモン</t>
    </rPh>
    <rPh sb="8" eb="10">
      <t>ガッコウ</t>
    </rPh>
    <phoneticPr fontId="1"/>
  </si>
  <si>
    <t>横浜市港北区新横浜２丁目4-18</t>
    <rPh sb="0" eb="3">
      <t>ヨコハマシ</t>
    </rPh>
    <rPh sb="3" eb="6">
      <t>コウホクク</t>
    </rPh>
    <rPh sb="6" eb="9">
      <t>シンヨコハマ</t>
    </rPh>
    <rPh sb="10" eb="12">
      <t>チョウメ</t>
    </rPh>
    <phoneticPr fontId="1"/>
  </si>
  <si>
    <t>045-474-0573</t>
    <phoneticPr fontId="1"/>
  </si>
  <si>
    <t>(学)岩崎学園</t>
    <rPh sb="3" eb="5">
      <t>イワサキ</t>
    </rPh>
    <phoneticPr fontId="1"/>
  </si>
  <si>
    <t>野田鎌田学園横浜高等専修学校</t>
    <rPh sb="0" eb="2">
      <t>ノダ</t>
    </rPh>
    <rPh sb="2" eb="4">
      <t>カマタ</t>
    </rPh>
    <rPh sb="4" eb="6">
      <t>ガクエン</t>
    </rPh>
    <rPh sb="6" eb="8">
      <t>ヨコハマ</t>
    </rPh>
    <rPh sb="8" eb="10">
      <t>コウトウ</t>
    </rPh>
    <rPh sb="10" eb="12">
      <t>センシュウ</t>
    </rPh>
    <rPh sb="12" eb="14">
      <t>ガッコウ</t>
    </rPh>
    <phoneticPr fontId="1"/>
  </si>
  <si>
    <t>高等</t>
    <rPh sb="0" eb="2">
      <t>コウトウ</t>
    </rPh>
    <phoneticPr fontId="1"/>
  </si>
  <si>
    <t>〒223-0059</t>
    <phoneticPr fontId="1"/>
  </si>
  <si>
    <t>横浜市港北区北新横浜１丁目4-1</t>
    <rPh sb="0" eb="3">
      <t>ヨコハマシ</t>
    </rPh>
    <rPh sb="3" eb="6">
      <t>コウホクク</t>
    </rPh>
    <rPh sb="6" eb="10">
      <t>キタシンヨコハマ</t>
    </rPh>
    <rPh sb="11" eb="13">
      <t>チョウメ</t>
    </rPh>
    <phoneticPr fontId="1"/>
  </si>
  <si>
    <t>045-642-3900</t>
    <phoneticPr fontId="1"/>
  </si>
  <si>
    <t>(学)野田鎌田学園</t>
    <rPh sb="3" eb="5">
      <t>ノダ</t>
    </rPh>
    <rPh sb="5" eb="7">
      <t>カマタ</t>
    </rPh>
    <rPh sb="7" eb="9">
      <t>ガクエン</t>
    </rPh>
    <phoneticPr fontId="1"/>
  </si>
  <si>
    <t>宮川　秀治　</t>
  </si>
  <si>
    <t>長森　修三</t>
  </si>
  <si>
    <t>横浜芸術高等専修学校</t>
    <rPh sb="0" eb="2">
      <t>ヨコハマ</t>
    </rPh>
    <rPh sb="2" eb="4">
      <t>ゲイジュツ</t>
    </rPh>
    <rPh sb="4" eb="6">
      <t>コウトウ</t>
    </rPh>
    <rPh sb="6" eb="8">
      <t>センシュウ</t>
    </rPh>
    <rPh sb="8" eb="10">
      <t>ガッコウ</t>
    </rPh>
    <phoneticPr fontId="1"/>
  </si>
  <si>
    <t>〒222-0032</t>
    <phoneticPr fontId="1"/>
  </si>
  <si>
    <t>横浜市港北区大豆戸町608-3</t>
    <rPh sb="0" eb="3">
      <t>ヨコハマシ</t>
    </rPh>
    <rPh sb="3" eb="6">
      <t>コウホクク</t>
    </rPh>
    <rPh sb="6" eb="8">
      <t>ダイズ</t>
    </rPh>
    <rPh sb="8" eb="10">
      <t>トマチ</t>
    </rPh>
    <phoneticPr fontId="1"/>
  </si>
  <si>
    <t>045-620-7811</t>
    <phoneticPr fontId="1"/>
  </si>
  <si>
    <t>(学)恭敬学園</t>
    <rPh sb="1" eb="2">
      <t>ガク</t>
    </rPh>
    <rPh sb="3" eb="5">
      <t>キョウケイ</t>
    </rPh>
    <rPh sb="5" eb="7">
      <t>ガクエン</t>
    </rPh>
    <phoneticPr fontId="1"/>
  </si>
  <si>
    <t>湘南医療福祉専門学校</t>
  </si>
  <si>
    <t>〒244-0805</t>
  </si>
  <si>
    <t>横浜市戸塚区川上町84-1</t>
  </si>
  <si>
    <t>045-820-1329</t>
  </si>
  <si>
    <t>(学)彩煌学園</t>
    <phoneticPr fontId="1"/>
  </si>
  <si>
    <t>横浜ＹＭＣＡスポーツ専門学校</t>
    <rPh sb="0" eb="2">
      <t>ヨコハマ</t>
    </rPh>
    <phoneticPr fontId="1"/>
  </si>
  <si>
    <t>横浜市戸塚区上倉田町769-24</t>
  </si>
  <si>
    <t>045-864-4990</t>
  </si>
  <si>
    <t>(学)横浜ＹＭＣＡ</t>
    <phoneticPr fontId="1"/>
  </si>
  <si>
    <t>横浜リハビリテーション専門学校</t>
  </si>
  <si>
    <t>〒244-0801</t>
  </si>
  <si>
    <t>横浜市戸塚区品濃町550-1</t>
  </si>
  <si>
    <t>045-826-7550</t>
  </si>
  <si>
    <t>(独)国立病院機構横浜医療センター附属横浜看護学校</t>
  </si>
  <si>
    <t>横浜市戸塚区原宿３丁目60-2</t>
  </si>
  <si>
    <t>045-853-8322</t>
  </si>
  <si>
    <t>(独)国立病院機構</t>
    <phoneticPr fontId="1"/>
  </si>
  <si>
    <t>横浜市戸塚区品濃町550-8</t>
  </si>
  <si>
    <t>045-826-7730</t>
  </si>
  <si>
    <t>横浜未来看護専門学校</t>
    <rPh sb="2" eb="4">
      <t>ミライ</t>
    </rPh>
    <rPh sb="4" eb="6">
      <t>カンゴ</t>
    </rPh>
    <phoneticPr fontId="1"/>
  </si>
  <si>
    <t>〒244-0002</t>
    <phoneticPr fontId="1"/>
  </si>
  <si>
    <t>横浜市戸塚区矢部町365-2</t>
    <rPh sb="6" eb="9">
      <t>ヤベチョウ</t>
    </rPh>
    <phoneticPr fontId="1"/>
  </si>
  <si>
    <t>045-864-8855</t>
    <phoneticPr fontId="1"/>
  </si>
  <si>
    <t>(学)栄戸学園</t>
    <rPh sb="3" eb="4">
      <t>サカ</t>
    </rPh>
    <rPh sb="4" eb="5">
      <t>ト</t>
    </rPh>
    <phoneticPr fontId="1"/>
  </si>
  <si>
    <t>横浜市病院協会看護専門学校</t>
  </si>
  <si>
    <t>横浜市港南区港南台３丁目3-1</t>
  </si>
  <si>
    <t>045-834-2002</t>
  </si>
  <si>
    <t>公益社団法人横浜市病院協会</t>
    <rPh sb="0" eb="2">
      <t>コウエキ</t>
    </rPh>
    <rPh sb="2" eb="4">
      <t>シャダン</t>
    </rPh>
    <rPh sb="4" eb="6">
      <t>ホウジン</t>
    </rPh>
    <phoneticPr fontId="1"/>
  </si>
  <si>
    <t>横浜システム工学院専門学校</t>
  </si>
  <si>
    <t>〒241-0826</t>
  </si>
  <si>
    <t>横浜市旭区東希望が丘128-4</t>
  </si>
  <si>
    <t>045-367-1881</t>
  </si>
  <si>
    <t>(学)ＹＳＥ学園</t>
    <phoneticPr fontId="1"/>
  </si>
  <si>
    <t>専門学校日産横浜自動車大学校</t>
  </si>
  <si>
    <t>横浜市旭区市沢町910</t>
  </si>
  <si>
    <t>045-371-2990</t>
  </si>
  <si>
    <t>日産自動車（株）</t>
    <phoneticPr fontId="1"/>
  </si>
  <si>
    <t>イムス横浜国際看護専門学校</t>
    <rPh sb="3" eb="5">
      <t>ヨコハマ</t>
    </rPh>
    <rPh sb="5" eb="7">
      <t>コクサイ</t>
    </rPh>
    <rPh sb="7" eb="9">
      <t>カンゴ</t>
    </rPh>
    <rPh sb="9" eb="11">
      <t>センモン</t>
    </rPh>
    <rPh sb="11" eb="13">
      <t>ガッコウ</t>
    </rPh>
    <phoneticPr fontId="1"/>
  </si>
  <si>
    <t>専門</t>
    <phoneticPr fontId="1"/>
  </si>
  <si>
    <t>〒226-0027</t>
    <phoneticPr fontId="1"/>
  </si>
  <si>
    <t>横浜市緑区長津田6丁目20-24</t>
    <rPh sb="3" eb="5">
      <t>ミドリク</t>
    </rPh>
    <rPh sb="5" eb="8">
      <t>ナガツダ</t>
    </rPh>
    <phoneticPr fontId="1"/>
  </si>
  <si>
    <t>045-988-5531</t>
    <phoneticPr fontId="1"/>
  </si>
  <si>
    <t>(医)財団明理会</t>
    <rPh sb="3" eb="5">
      <t>ザイダン</t>
    </rPh>
    <rPh sb="5" eb="6">
      <t>メイ</t>
    </rPh>
    <rPh sb="6" eb="7">
      <t>リ</t>
    </rPh>
    <rPh sb="7" eb="8">
      <t>カイ</t>
    </rPh>
    <phoneticPr fontId="1"/>
  </si>
  <si>
    <t>たまプラーザ看護学校</t>
    <rPh sb="6" eb="8">
      <t>カンゴ</t>
    </rPh>
    <rPh sb="8" eb="10">
      <t>ガッコウ</t>
    </rPh>
    <phoneticPr fontId="1"/>
  </si>
  <si>
    <t>〒225-0003</t>
    <phoneticPr fontId="1"/>
  </si>
  <si>
    <t>横浜市青葉区新石川4丁目20-17</t>
    <rPh sb="0" eb="3">
      <t>ヨコハマシ</t>
    </rPh>
    <rPh sb="5" eb="6">
      <t>ク</t>
    </rPh>
    <rPh sb="6" eb="9">
      <t>シンイシカワ</t>
    </rPh>
    <rPh sb="10" eb="12">
      <t>チョウメ</t>
    </rPh>
    <phoneticPr fontId="1"/>
  </si>
  <si>
    <t>045-532-5401</t>
    <phoneticPr fontId="1"/>
  </si>
  <si>
    <t>(学)東峰会</t>
    <rPh sb="1" eb="2">
      <t>ガク</t>
    </rPh>
    <rPh sb="3" eb="4">
      <t>ヒガシ</t>
    </rPh>
    <rPh sb="4" eb="5">
      <t>ミネ</t>
    </rPh>
    <rPh sb="5" eb="6">
      <t>カイ</t>
    </rPh>
    <phoneticPr fontId="1"/>
  </si>
  <si>
    <t>外語ビジネス専門学校</t>
  </si>
  <si>
    <t>〒210-0007</t>
  </si>
  <si>
    <t>044-244-3111</t>
  </si>
  <si>
    <t>(学)深堀学園</t>
    <phoneticPr fontId="1"/>
  </si>
  <si>
    <t>神奈川ビューティー＆ビジネス専門学校</t>
    <rPh sb="0" eb="3">
      <t>カナガワ</t>
    </rPh>
    <rPh sb="14" eb="16">
      <t>センモン</t>
    </rPh>
    <rPh sb="16" eb="18">
      <t>ガッコウ</t>
    </rPh>
    <phoneticPr fontId="1"/>
  </si>
  <si>
    <t>川崎市川崎区渡田向町15-5</t>
  </si>
  <si>
    <t>044-244-5601</t>
  </si>
  <si>
    <t>(学)横山学園</t>
    <rPh sb="3" eb="5">
      <t>ヨコヤマ</t>
    </rPh>
    <phoneticPr fontId="1"/>
  </si>
  <si>
    <t>日本溶接構造専門学校</t>
  </si>
  <si>
    <t>〒210-0001</t>
  </si>
  <si>
    <t>川崎市川崎区本町２丁目11-19</t>
  </si>
  <si>
    <t>044-222-4102</t>
  </si>
  <si>
    <t>一般財団法人日本溶接技術センター</t>
    <rPh sb="0" eb="2">
      <t>イッパン</t>
    </rPh>
    <rPh sb="2" eb="6">
      <t>ザイダンホウジン</t>
    </rPh>
    <phoneticPr fontId="1"/>
  </si>
  <si>
    <t>米山ファッション・ビジネス専門学校</t>
  </si>
  <si>
    <t>〒210-0015</t>
  </si>
  <si>
    <t>川崎市川崎区南町15-2</t>
  </si>
  <si>
    <t>044-233-0025</t>
  </si>
  <si>
    <t>米山  　実</t>
    <phoneticPr fontId="1"/>
  </si>
  <si>
    <t>ＹＭＣＡ国際ビジネス専門学校</t>
    <rPh sb="4" eb="6">
      <t>コクサイ</t>
    </rPh>
    <phoneticPr fontId="1"/>
  </si>
  <si>
    <t>川崎市多摩区登戸3032-2</t>
  </si>
  <si>
    <t>044-932-2015</t>
  </si>
  <si>
    <t>聖マリアンナ医科大学看護専門学校</t>
  </si>
  <si>
    <t>〒216-8514</t>
  </si>
  <si>
    <t>川崎市宮前区菅生２丁目16-1</t>
  </si>
  <si>
    <t>044-977-8111</t>
  </si>
  <si>
    <t>(学)聖マリアンナ医科大学</t>
    <phoneticPr fontId="1"/>
  </si>
  <si>
    <t>高津看護専門学校</t>
  </si>
  <si>
    <t>〒216-0005</t>
  </si>
  <si>
    <t>川崎市宮前区土橋４丁目2-6</t>
  </si>
  <si>
    <t>044-855-9449</t>
  </si>
  <si>
    <t>(医)社団亮正会</t>
    <phoneticPr fontId="1"/>
  </si>
  <si>
    <t>神奈川経済専門学校</t>
  </si>
  <si>
    <t>〒252-0144</t>
    <phoneticPr fontId="1"/>
  </si>
  <si>
    <t>相模原市緑区東橋本２丁目33-5</t>
    <rPh sb="4" eb="6">
      <t>ミドリク</t>
    </rPh>
    <phoneticPr fontId="1"/>
  </si>
  <si>
    <t>042-773-5729</t>
  </si>
  <si>
    <t>(学)神奈川経済専門学校</t>
    <phoneticPr fontId="1"/>
  </si>
  <si>
    <t>〒252-0231</t>
    <phoneticPr fontId="1"/>
  </si>
  <si>
    <t>相模原市中央区相模原5-3-4</t>
    <rPh sb="4" eb="7">
      <t>チュウオウク</t>
    </rPh>
    <rPh sb="7" eb="10">
      <t>サガミハラ</t>
    </rPh>
    <phoneticPr fontId="1"/>
  </si>
  <si>
    <t>042-704-9778</t>
    <phoneticPr fontId="1"/>
  </si>
  <si>
    <t>神奈川柔整鍼灸専門学校</t>
    <rPh sb="5" eb="7">
      <t>シンキュウ</t>
    </rPh>
    <phoneticPr fontId="1"/>
  </si>
  <si>
    <t>〒252-0313</t>
    <phoneticPr fontId="1"/>
  </si>
  <si>
    <t>相模原市南区松が枝町7-5</t>
    <rPh sb="4" eb="6">
      <t>ミナミク</t>
    </rPh>
    <phoneticPr fontId="1"/>
  </si>
  <si>
    <t>042-740-7222</t>
  </si>
  <si>
    <t>(学)平井学園</t>
    <phoneticPr fontId="1"/>
  </si>
  <si>
    <t>相模原看護専門学校</t>
  </si>
  <si>
    <t>〒252-0325</t>
    <phoneticPr fontId="1"/>
  </si>
  <si>
    <t>相模原市南区新磯野４丁目1-1</t>
    <rPh sb="4" eb="6">
      <t>ミナミク</t>
    </rPh>
    <phoneticPr fontId="1"/>
  </si>
  <si>
    <t>046-259-1155</t>
  </si>
  <si>
    <t>公益財団法人相模原市健康福祉財団</t>
    <rPh sb="0" eb="2">
      <t>コウエキ</t>
    </rPh>
    <rPh sb="2" eb="4">
      <t>ザイダン</t>
    </rPh>
    <rPh sb="4" eb="6">
      <t>ホウジン</t>
    </rPh>
    <rPh sb="6" eb="10">
      <t>サガミハラシ</t>
    </rPh>
    <rPh sb="10" eb="12">
      <t>ケンコウ</t>
    </rPh>
    <rPh sb="12" eb="14">
      <t>フクシ</t>
    </rPh>
    <rPh sb="14" eb="16">
      <t>ザイダン</t>
    </rPh>
    <phoneticPr fontId="1"/>
  </si>
  <si>
    <t>医療ビジネス観光福祉専門学校</t>
    <rPh sb="0" eb="2">
      <t>イリョウ</t>
    </rPh>
    <rPh sb="6" eb="8">
      <t>カンコウ</t>
    </rPh>
    <rPh sb="8" eb="10">
      <t>フクシ</t>
    </rPh>
    <rPh sb="10" eb="12">
      <t>センモン</t>
    </rPh>
    <phoneticPr fontId="1"/>
  </si>
  <si>
    <t>〒252-0318</t>
    <phoneticPr fontId="1"/>
  </si>
  <si>
    <t>相模原市南区上鶴間本町３丁目18-27</t>
    <rPh sb="4" eb="6">
      <t>ミナミク</t>
    </rPh>
    <phoneticPr fontId="1"/>
  </si>
  <si>
    <t>042-744-9711</t>
  </si>
  <si>
    <t>(学)湘南ふれあい学園</t>
    <phoneticPr fontId="1"/>
  </si>
  <si>
    <t>横須賀法律行政専門学校</t>
    <rPh sb="0" eb="3">
      <t>ヨコスカ</t>
    </rPh>
    <rPh sb="3" eb="5">
      <t>ホウリツ</t>
    </rPh>
    <rPh sb="5" eb="7">
      <t>ギョウセイ</t>
    </rPh>
    <rPh sb="7" eb="9">
      <t>センモン</t>
    </rPh>
    <rPh sb="9" eb="11">
      <t>ガッコウ</t>
    </rPh>
    <phoneticPr fontId="1"/>
  </si>
  <si>
    <t>〒238-0007</t>
  </si>
  <si>
    <t>横須賀市若松町２丁目31</t>
  </si>
  <si>
    <t>046-823-1842</t>
  </si>
  <si>
    <t>(学)山本学園</t>
    <phoneticPr fontId="1"/>
  </si>
  <si>
    <t>ヨコスカ調理製菓専門学校</t>
    <rPh sb="6" eb="8">
      <t>セイカ</t>
    </rPh>
    <phoneticPr fontId="1"/>
  </si>
  <si>
    <t>高等/専門</t>
  </si>
  <si>
    <t>〒238-0042</t>
  </si>
  <si>
    <t>横須賀市汐入町２丁目9</t>
  </si>
  <si>
    <t>046-826-3848</t>
  </si>
  <si>
    <t>(学)敷島学園</t>
    <phoneticPr fontId="1"/>
  </si>
  <si>
    <t>神奈川衛生学園専門学校</t>
  </si>
  <si>
    <t>〒238-0052</t>
    <phoneticPr fontId="1"/>
  </si>
  <si>
    <t>横須賀市佐野町２丁目34</t>
    <rPh sb="0" eb="4">
      <t>ヨコスカシ</t>
    </rPh>
    <rPh sb="4" eb="7">
      <t>サノチョウ</t>
    </rPh>
    <rPh sb="8" eb="10">
      <t>チョウメ</t>
    </rPh>
    <phoneticPr fontId="1"/>
  </si>
  <si>
    <t>046-850-6310</t>
    <phoneticPr fontId="1"/>
  </si>
  <si>
    <t>(学)衛生学園</t>
    <rPh sb="3" eb="5">
      <t>エイセイ</t>
    </rPh>
    <phoneticPr fontId="1"/>
  </si>
  <si>
    <t>湘南歯科衛生士専門学校</t>
  </si>
  <si>
    <t>〒254-0811</t>
  </si>
  <si>
    <t>平塚市八重咲町1-6</t>
  </si>
  <si>
    <t>0463-22-5000</t>
  </si>
  <si>
    <t>(学)清水学園</t>
    <phoneticPr fontId="1"/>
  </si>
  <si>
    <t>神奈川社会福祉専門学校</t>
  </si>
  <si>
    <t>〒254-0046</t>
  </si>
  <si>
    <t>平塚市立野町1-1</t>
    <phoneticPr fontId="1"/>
  </si>
  <si>
    <t>0463-30-3231</t>
  </si>
  <si>
    <t>(学)鶴嶺学園</t>
    <phoneticPr fontId="1"/>
  </si>
  <si>
    <t>湘南平塚看護専門学校</t>
  </si>
  <si>
    <t>〒254-0062</t>
  </si>
  <si>
    <t>平塚市富士見町5-17</t>
  </si>
  <si>
    <t>0463-30-1900</t>
  </si>
  <si>
    <t>日本ヒューマンセレモニー専門学校</t>
  </si>
  <si>
    <t>平塚市八重咲町7-30</t>
  </si>
  <si>
    <t>0463-27-2002</t>
  </si>
  <si>
    <t>鎌倉早見美容芸術専門学校</t>
  </si>
  <si>
    <t>〒248-0006</t>
  </si>
  <si>
    <t>鎌倉市小町１丁目2-16</t>
  </si>
  <si>
    <t>0467-22-3340</t>
  </si>
  <si>
    <t>(学)早見芸術学園</t>
    <phoneticPr fontId="1"/>
  </si>
  <si>
    <t>専門学校国際新堀芸術学院</t>
  </si>
  <si>
    <t>〒251-0052</t>
  </si>
  <si>
    <t>藤沢市藤沢143-13</t>
  </si>
  <si>
    <t>0466-23-8338</t>
  </si>
  <si>
    <t>(学)新堀学園</t>
    <phoneticPr fontId="1"/>
  </si>
  <si>
    <t>日本ガーデンデザイン専門学校</t>
  </si>
  <si>
    <t>〒251-0002</t>
  </si>
  <si>
    <t>藤沢市大鋸1218-1</t>
  </si>
  <si>
    <t>0466-28-0411</t>
  </si>
  <si>
    <t>(学)湘南みどり学園</t>
    <phoneticPr fontId="1"/>
  </si>
  <si>
    <t>〒251-0861</t>
    <phoneticPr fontId="1"/>
  </si>
  <si>
    <t>藤沢市大庭5062-3</t>
    <rPh sb="0" eb="3">
      <t>フジサワシ</t>
    </rPh>
    <rPh sb="3" eb="5">
      <t>オオバ</t>
    </rPh>
    <phoneticPr fontId="1"/>
  </si>
  <si>
    <t>0466-86-5440</t>
    <phoneticPr fontId="1"/>
  </si>
  <si>
    <t>公益社団法人藤沢市医師会</t>
    <rPh sb="0" eb="2">
      <t>コウエキ</t>
    </rPh>
    <rPh sb="2" eb="4">
      <t>シャダン</t>
    </rPh>
    <rPh sb="4" eb="6">
      <t>ホウジン</t>
    </rPh>
    <rPh sb="6" eb="9">
      <t>フジサワシ</t>
    </rPh>
    <rPh sb="9" eb="12">
      <t>イシカイ</t>
    </rPh>
    <phoneticPr fontId="1"/>
  </si>
  <si>
    <t>鈴木　紳一郎</t>
  </si>
  <si>
    <t>崎村調理師専門学校</t>
  </si>
  <si>
    <t>小田原市城山２丁目1-9</t>
  </si>
  <si>
    <t>0465-34-3377</t>
  </si>
  <si>
    <t>(学)崎村学院</t>
    <phoneticPr fontId="1"/>
  </si>
  <si>
    <t>小澤高等看護学院</t>
  </si>
  <si>
    <t>〒250-0012</t>
  </si>
  <si>
    <t>小田原市本町１丁目1-17</t>
  </si>
  <si>
    <t>0465-23-5119</t>
  </si>
  <si>
    <t>(医)同愛会</t>
    <phoneticPr fontId="1"/>
  </si>
  <si>
    <t>積善会看護専門学校</t>
  </si>
  <si>
    <t>〒250-0203</t>
  </si>
  <si>
    <t>小田原市曽我岸148</t>
  </si>
  <si>
    <t>0465-42-5245</t>
  </si>
  <si>
    <t>公益財団法人積善会</t>
    <rPh sb="0" eb="2">
      <t>コウエキ</t>
    </rPh>
    <rPh sb="2" eb="6">
      <t>ザイダンホウジン</t>
    </rPh>
    <phoneticPr fontId="1"/>
  </si>
  <si>
    <t>おだわら看護専門学校</t>
    <phoneticPr fontId="1"/>
  </si>
  <si>
    <t>〒250-0055</t>
  </si>
  <si>
    <t>小田原市久野115-2</t>
    <phoneticPr fontId="1"/>
  </si>
  <si>
    <t>0465-32-7101</t>
  </si>
  <si>
    <t>一般社団法人小田原医師会</t>
    <rPh sb="0" eb="2">
      <t>イッパン</t>
    </rPh>
    <rPh sb="2" eb="4">
      <t>シャダン</t>
    </rPh>
    <rPh sb="4" eb="6">
      <t>ホウジン</t>
    </rPh>
    <phoneticPr fontId="1"/>
  </si>
  <si>
    <t>茅ヶ崎看護専門学校</t>
    <phoneticPr fontId="1"/>
  </si>
  <si>
    <t>〒253-0072</t>
  </si>
  <si>
    <t>茅ヶ崎市今宿390</t>
  </si>
  <si>
    <t>0467-86-6011</t>
  </si>
  <si>
    <t>茅ヶ崎リハビリテーション専門学校</t>
  </si>
  <si>
    <t>〒253-0061</t>
    <phoneticPr fontId="1"/>
  </si>
  <si>
    <t>茅ヶ崎市南湖１丁目6-11</t>
    <rPh sb="4" eb="5">
      <t>ミナミ</t>
    </rPh>
    <rPh sb="5" eb="6">
      <t>コ</t>
    </rPh>
    <rPh sb="7" eb="9">
      <t>チョウメ</t>
    </rPh>
    <phoneticPr fontId="1"/>
  </si>
  <si>
    <t>0467-88-6611</t>
  </si>
  <si>
    <t>アイム湘南理容美容専門学校</t>
    <rPh sb="5" eb="7">
      <t>リヨウ</t>
    </rPh>
    <rPh sb="9" eb="11">
      <t>センモン</t>
    </rPh>
    <phoneticPr fontId="1"/>
  </si>
  <si>
    <t>〒257-0011</t>
  </si>
  <si>
    <t>秦野市尾尻536-1</t>
  </si>
  <si>
    <t>0463-85-3780</t>
  </si>
  <si>
    <t>(学)梅原学園</t>
    <phoneticPr fontId="1"/>
  </si>
  <si>
    <t>専門学校神奈川総合大学校</t>
    <rPh sb="0" eb="2">
      <t>センモン</t>
    </rPh>
    <rPh sb="2" eb="4">
      <t>ガッコウ</t>
    </rPh>
    <rPh sb="4" eb="7">
      <t>カナガワ</t>
    </rPh>
    <rPh sb="7" eb="9">
      <t>ソウゴウ</t>
    </rPh>
    <rPh sb="9" eb="12">
      <t>ダイガッコウ</t>
    </rPh>
    <phoneticPr fontId="1"/>
  </si>
  <si>
    <t>高等/専門/一般</t>
  </si>
  <si>
    <t>厚木総合専門学校</t>
    <rPh sb="0" eb="2">
      <t>アツギ</t>
    </rPh>
    <rPh sb="2" eb="4">
      <t>ソウゴウ</t>
    </rPh>
    <rPh sb="4" eb="6">
      <t>センモン</t>
    </rPh>
    <rPh sb="6" eb="8">
      <t>ガッコウ</t>
    </rPh>
    <phoneticPr fontId="1"/>
  </si>
  <si>
    <t>〒243-0018</t>
  </si>
  <si>
    <t>厚木市中町３丁目4-11</t>
  </si>
  <si>
    <t>046-224-6311</t>
  </si>
  <si>
    <t>厚木看護専門学校</t>
  </si>
  <si>
    <t>〒243-0005</t>
    <phoneticPr fontId="1"/>
  </si>
  <si>
    <t>厚木市松枝２丁目6-5</t>
    <rPh sb="3" eb="5">
      <t>マツエ</t>
    </rPh>
    <phoneticPr fontId="1"/>
  </si>
  <si>
    <t>046-222-1240</t>
  </si>
  <si>
    <t>（社福）神奈川県総合ﾘﾊﾋﾞﾘﾃｰｼｮﾝ事業団</t>
    <phoneticPr fontId="1"/>
  </si>
  <si>
    <t>ＹＭＣＡ健康福祉専門学校</t>
  </si>
  <si>
    <t>厚木市中町４丁目16-19</t>
  </si>
  <si>
    <t>046-223-1441</t>
  </si>
  <si>
    <t>(学)横浜ＹＭＣＡ</t>
    <rPh sb="1" eb="2">
      <t>ガク</t>
    </rPh>
    <rPh sb="3" eb="5">
      <t>ヨコハマ</t>
    </rPh>
    <phoneticPr fontId="1"/>
  </si>
  <si>
    <t>大和商業高等専修学校</t>
  </si>
  <si>
    <t>大和市深見東１丁目1-9</t>
  </si>
  <si>
    <t>046-262-0122</t>
  </si>
  <si>
    <t>柏木実業専門学校</t>
  </si>
  <si>
    <t>専門/一般</t>
  </si>
  <si>
    <t>046-261-0158</t>
  </si>
  <si>
    <t>国際総合健康専門学校</t>
  </si>
  <si>
    <t>〒259-1106</t>
  </si>
  <si>
    <t>伊勢原市善波1160-1</t>
  </si>
  <si>
    <t>0463-92-3701</t>
  </si>
  <si>
    <t>(学)国際学院</t>
    <phoneticPr fontId="1"/>
  </si>
  <si>
    <t>湘央医学技術専門学校</t>
  </si>
  <si>
    <t>〒252-1121</t>
  </si>
  <si>
    <t>綾瀬市小園1424-4</t>
  </si>
  <si>
    <t>0467-77-1234</t>
  </si>
  <si>
    <t>(学)湘央学園</t>
    <phoneticPr fontId="1"/>
  </si>
  <si>
    <t>稲福  全人</t>
  </si>
  <si>
    <t>湘央生命科学技術専門学校</t>
  </si>
  <si>
    <t>生蘭高等専修学校</t>
  </si>
  <si>
    <t>〒252-1121</t>
    <phoneticPr fontId="1"/>
  </si>
  <si>
    <t>綾瀬市小園1520</t>
    <rPh sb="3" eb="5">
      <t>オゾノ</t>
    </rPh>
    <phoneticPr fontId="1"/>
  </si>
  <si>
    <t>0467-76-1616</t>
  </si>
  <si>
    <t>(学)生蘭学園</t>
    <phoneticPr fontId="1"/>
  </si>
  <si>
    <t>對馬　伸二</t>
  </si>
  <si>
    <t>笠間　治一郎</t>
  </si>
  <si>
    <t>日本さかな専門学校</t>
    <rPh sb="0" eb="2">
      <t>ニホン</t>
    </rPh>
    <rPh sb="5" eb="7">
      <t>センモン</t>
    </rPh>
    <rPh sb="7" eb="9">
      <t>ガッコウ</t>
    </rPh>
    <phoneticPr fontId="1"/>
  </si>
  <si>
    <t>〒238-0243</t>
    <phoneticPr fontId="1"/>
  </si>
  <si>
    <t>三浦市三崎5丁目255－10</t>
    <rPh sb="0" eb="3">
      <t>ミウラシ</t>
    </rPh>
    <rPh sb="3" eb="5">
      <t>ミサキ</t>
    </rPh>
    <rPh sb="6" eb="8">
      <t>チョウメ</t>
    </rPh>
    <phoneticPr fontId="1"/>
  </si>
  <si>
    <t>046-876-7200</t>
    <phoneticPr fontId="1"/>
  </si>
  <si>
    <t>(学)水野学園</t>
  </si>
  <si>
    <t>松山　英一</t>
  </si>
  <si>
    <t>水野　孝彦</t>
  </si>
  <si>
    <t>あさひが丘幼稚園</t>
  </si>
  <si>
    <t>〒226-0017</t>
  </si>
  <si>
    <t>045-931-3464</t>
  </si>
  <si>
    <t>横浜市緑区新治町964</t>
    <phoneticPr fontId="1"/>
  </si>
  <si>
    <t>(学)あさひが丘学園</t>
  </si>
  <si>
    <t>平本　明</t>
    <phoneticPr fontId="1"/>
  </si>
  <si>
    <t>柴田　俊</t>
    <rPh sb="0" eb="2">
      <t>シバタ</t>
    </rPh>
    <rPh sb="3" eb="4">
      <t>シュン</t>
    </rPh>
    <phoneticPr fontId="1"/>
  </si>
  <si>
    <t>森　陽子</t>
    <rPh sb="0" eb="1">
      <t>モリ</t>
    </rPh>
    <rPh sb="2" eb="4">
      <t>ヨウコ</t>
    </rPh>
    <phoneticPr fontId="1"/>
  </si>
  <si>
    <t>関　栄一　</t>
    <rPh sb="2" eb="4">
      <t>エイイチ</t>
    </rPh>
    <phoneticPr fontId="1"/>
  </si>
  <si>
    <t>梶ヶ谷幼稚園</t>
    <phoneticPr fontId="1"/>
  </si>
  <si>
    <t>山﨑　史郎</t>
    <rPh sb="0" eb="2">
      <t>ヤマザキ</t>
    </rPh>
    <rPh sb="3" eb="5">
      <t>シロウ</t>
    </rPh>
    <phoneticPr fontId="1"/>
  </si>
  <si>
    <t>市川　詩穂</t>
    <rPh sb="0" eb="2">
      <t>イチカワ</t>
    </rPh>
    <rPh sb="3" eb="4">
      <t>シ</t>
    </rPh>
    <rPh sb="4" eb="5">
      <t>ホ</t>
    </rPh>
    <phoneticPr fontId="1"/>
  </si>
  <si>
    <t>(学)聖トマ学園</t>
    <rPh sb="3" eb="4">
      <t>セイ</t>
    </rPh>
    <rPh sb="6" eb="8">
      <t>ガクエン</t>
    </rPh>
    <phoneticPr fontId="1"/>
  </si>
  <si>
    <t>梅村　昌弘</t>
    <phoneticPr fontId="1"/>
  </si>
  <si>
    <t>鳥居　敏</t>
    <phoneticPr fontId="1"/>
  </si>
  <si>
    <t>045-261-6906</t>
    <phoneticPr fontId="1"/>
  </si>
  <si>
    <t>横浜市南区蒔田町124番地</t>
    <phoneticPr fontId="1"/>
  </si>
  <si>
    <t>〒245-0024</t>
    <phoneticPr fontId="1"/>
  </si>
  <si>
    <t>日髙  倫明</t>
    <phoneticPr fontId="1"/>
  </si>
  <si>
    <t>平塚市出縄195</t>
    <phoneticPr fontId="1"/>
  </si>
  <si>
    <t>認定こども園 湘南マドカ幼稚園</t>
    <phoneticPr fontId="1"/>
  </si>
  <si>
    <t>幼稚園型認定こども園やなぎ幼稚園</t>
    <phoneticPr fontId="1"/>
  </si>
  <si>
    <t>〒252-0029</t>
    <phoneticPr fontId="1"/>
  </si>
  <si>
    <t>〒252-0028</t>
    <phoneticPr fontId="1"/>
  </si>
  <si>
    <t>川崎市川崎区駅前本町22-1</t>
    <phoneticPr fontId="1"/>
  </si>
  <si>
    <t>中村　一夫</t>
    <rPh sb="0" eb="2">
      <t>ナカムラ</t>
    </rPh>
    <rPh sb="3" eb="5">
      <t>カズオ</t>
    </rPh>
    <phoneticPr fontId="1"/>
  </si>
  <si>
    <t>門野　久美子</t>
  </si>
  <si>
    <t/>
  </si>
  <si>
    <t>石渡　秀夫</t>
  </si>
  <si>
    <t>石渡  秀夫</t>
  </si>
  <si>
    <t>柳川　昌恵</t>
  </si>
  <si>
    <t>柳川  昌恵</t>
  </si>
  <si>
    <t>小髙千恵</t>
  </si>
  <si>
    <t>森　陽子</t>
  </si>
  <si>
    <t>三上　正芳</t>
  </si>
  <si>
    <t>池上　幸保</t>
  </si>
  <si>
    <t>鮫島　良一</t>
  </si>
  <si>
    <t>渡辺　啓司</t>
  </si>
  <si>
    <t>塩﨑　隆</t>
  </si>
  <si>
    <t>山本  正義</t>
  </si>
  <si>
    <t>亀井  以佐久</t>
  </si>
  <si>
    <t>亀井  觀一郎</t>
  </si>
  <si>
    <t>米谷　栄一</t>
  </si>
  <si>
    <t>増田　亜希子</t>
  </si>
  <si>
    <t>齋藤　由希子</t>
  </si>
  <si>
    <t>佐合  英子</t>
  </si>
  <si>
    <t>松原  映子</t>
  </si>
  <si>
    <t>原　軍之助</t>
  </si>
  <si>
    <t>萩原　英政</t>
  </si>
  <si>
    <t>代表役員　萩原德久</t>
  </si>
  <si>
    <t>兼清　啓司</t>
  </si>
  <si>
    <t>代表役員  兼清啓司</t>
  </si>
  <si>
    <t>北村  　勉</t>
  </si>
  <si>
    <t>永井　洋一</t>
  </si>
  <si>
    <t>嶋崎　和</t>
  </si>
  <si>
    <t>髙橋　裕</t>
  </si>
  <si>
    <t>堀井  基章</t>
  </si>
  <si>
    <t>木元　佳代子</t>
  </si>
  <si>
    <t>木元　茂</t>
  </si>
  <si>
    <t>角和　麻衣子</t>
  </si>
  <si>
    <t>越川　孝子</t>
  </si>
  <si>
    <t>越川  亮介</t>
  </si>
  <si>
    <t>岡野　華蓮</t>
  </si>
  <si>
    <t>鈴木　直美</t>
  </si>
  <si>
    <t>池田　俊一</t>
  </si>
  <si>
    <t>小池　清美</t>
  </si>
  <si>
    <t>長谷川　昴史</t>
  </si>
  <si>
    <t>奈良　昌人</t>
  </si>
  <si>
    <t>代表役員  楠  雅翔</t>
  </si>
  <si>
    <t>吉井  文子</t>
  </si>
  <si>
    <t>吉井　文子</t>
  </si>
  <si>
    <t>小林　淳一</t>
  </si>
  <si>
    <t>靍見　正樹</t>
  </si>
  <si>
    <t>宮川　周子</t>
  </si>
  <si>
    <t>代表役員  宮川　忠大</t>
  </si>
  <si>
    <t>工藤　誠一</t>
  </si>
  <si>
    <t>櫻井　つた江</t>
  </si>
  <si>
    <t>梅村　昌弘</t>
  </si>
  <si>
    <t>小倉  裕子</t>
  </si>
  <si>
    <t>代表役員  小倉　仁史</t>
  </si>
  <si>
    <t>佐藤　章江</t>
  </si>
  <si>
    <t>金子  　大</t>
  </si>
  <si>
    <t>田沼  光明</t>
  </si>
  <si>
    <t>藤田　昌孝</t>
  </si>
  <si>
    <t>稲田　豊</t>
  </si>
  <si>
    <t>福井　真理</t>
  </si>
  <si>
    <t>治々和　弘子</t>
  </si>
  <si>
    <t>角田　定弘</t>
  </si>
  <si>
    <t>佐藤　淳子</t>
  </si>
  <si>
    <t>堀内　利通</t>
  </si>
  <si>
    <t>羅　順英</t>
  </si>
  <si>
    <t>繆　雪峰</t>
  </si>
  <si>
    <t>小西　公紹</t>
  </si>
  <si>
    <t>代表役員　小西公紹</t>
  </si>
  <si>
    <t>角井  　瑞</t>
  </si>
  <si>
    <t>藤井　美和</t>
  </si>
  <si>
    <t>代表役員  吉本道英</t>
  </si>
  <si>
    <t>近藤　岳雄</t>
  </si>
  <si>
    <t>代表役員  近藤岳雄</t>
  </si>
  <si>
    <t>近藤　良彦</t>
  </si>
  <si>
    <t>岡田  直美</t>
  </si>
  <si>
    <t>嶋田　順好</t>
  </si>
  <si>
    <t>戸井　雅子</t>
  </si>
  <si>
    <t>戸井  浩</t>
  </si>
  <si>
    <t>矢坂　千鶴</t>
  </si>
  <si>
    <t>宝積  典子</t>
  </si>
  <si>
    <t>寳積　章麿</t>
  </si>
  <si>
    <t>代表役員  寳積尚煕</t>
  </si>
  <si>
    <t>杉本  永光</t>
  </si>
  <si>
    <t>中島　聡</t>
  </si>
  <si>
    <t>佐藤　順子</t>
  </si>
  <si>
    <t>安井  隆道</t>
  </si>
  <si>
    <t>岩崎  文裕</t>
  </si>
  <si>
    <t>三戸部　恵美子</t>
  </si>
  <si>
    <t>三戸部  恵美子</t>
  </si>
  <si>
    <t>大谷　典子</t>
  </si>
  <si>
    <t>難波　善裕</t>
  </si>
  <si>
    <t>渡邉  結</t>
  </si>
  <si>
    <t>渡邉  啓一</t>
  </si>
  <si>
    <t>永本　紀美子</t>
  </si>
  <si>
    <t>田口  壮一郎</t>
  </si>
  <si>
    <t>田口　壮一郎　</t>
  </si>
  <si>
    <t>大森  美智子</t>
  </si>
  <si>
    <t>窪田　麻里</t>
  </si>
  <si>
    <t>板津　由美子</t>
  </si>
  <si>
    <t>板津  由美子</t>
  </si>
  <si>
    <t>田島　海静</t>
  </si>
  <si>
    <t>代表役員  田島海静</t>
  </si>
  <si>
    <t>田島  海静</t>
  </si>
  <si>
    <t>石川  豊子</t>
  </si>
  <si>
    <t>平井　美枝子</t>
  </si>
  <si>
    <t>寺尾　綾乃</t>
  </si>
  <si>
    <t>佐藤　好子</t>
  </si>
  <si>
    <t>駒野  美穂</t>
  </si>
  <si>
    <t>浅沼　郁子</t>
  </si>
  <si>
    <t>監物　宏之</t>
  </si>
  <si>
    <t>武藤　恵美子</t>
  </si>
  <si>
    <t>関根　由華</t>
  </si>
  <si>
    <t>井上　れい子</t>
  </si>
  <si>
    <t>代表役員  井上俊道</t>
  </si>
  <si>
    <t>宮﨑　淳</t>
  </si>
  <si>
    <t>代表役員  宮﨑常嘉</t>
  </si>
  <si>
    <t>秋山　菜穂美</t>
  </si>
  <si>
    <t>渡邊　慶信</t>
  </si>
  <si>
    <t>武田　敦子</t>
  </si>
  <si>
    <t>平野  成輔</t>
  </si>
  <si>
    <t>檮木  元生</t>
  </si>
  <si>
    <t>青木  完升</t>
  </si>
  <si>
    <t>目黒　房子</t>
  </si>
  <si>
    <t>渡辺　竹伸</t>
  </si>
  <si>
    <t>細井　保路</t>
  </si>
  <si>
    <t>小嶋　昭彦</t>
  </si>
  <si>
    <t>小嶋  昭彦</t>
  </si>
  <si>
    <t>小宮　一浩</t>
  </si>
  <si>
    <t>榎並　和子</t>
  </si>
  <si>
    <t>宮田　周二</t>
  </si>
  <si>
    <t>蝶野　圭子</t>
  </si>
  <si>
    <t>原田　一之</t>
  </si>
  <si>
    <t>小林　由里子</t>
  </si>
  <si>
    <t>摩尼　秀法</t>
  </si>
  <si>
    <t>代表役員  摩尼秀法</t>
  </si>
  <si>
    <t>大谷　千英子</t>
  </si>
  <si>
    <t>大谷　高</t>
  </si>
  <si>
    <t>上坂　　喬</t>
  </si>
  <si>
    <t>芝崎　恵子</t>
  </si>
  <si>
    <t>福寿　亮賢</t>
  </si>
  <si>
    <t>代表役員  福寿亮賢</t>
  </si>
  <si>
    <t>久米  真浩</t>
  </si>
  <si>
    <t>代表役員  久米達雄</t>
  </si>
  <si>
    <t>長谷川　樹生</t>
  </si>
  <si>
    <t>安藤  尊仁</t>
  </si>
  <si>
    <t>代表役員  安藤尊仁</t>
  </si>
  <si>
    <t>長瀬　正一郎</t>
  </si>
  <si>
    <t>高木  彩子</t>
  </si>
  <si>
    <t>髙木  暁子</t>
  </si>
  <si>
    <t>木村　　純代</t>
  </si>
  <si>
    <t>三橋　皓揮</t>
  </si>
  <si>
    <t>代表役員　佐々木昭典</t>
  </si>
  <si>
    <t>村尾　三恵子</t>
  </si>
  <si>
    <t>程木  拓也</t>
  </si>
  <si>
    <t>平等  登志</t>
  </si>
  <si>
    <t>平等  大智</t>
  </si>
  <si>
    <t>遠藤　和弘</t>
  </si>
  <si>
    <t>綿貫　友美</t>
  </si>
  <si>
    <t>栗原  基</t>
  </si>
  <si>
    <t>羽田　哲</t>
  </si>
  <si>
    <t>玉川　　弘</t>
  </si>
  <si>
    <t>岩島　倫子</t>
  </si>
  <si>
    <t>田邉　　薫</t>
  </si>
  <si>
    <t>本橋　正光</t>
  </si>
  <si>
    <t>成宮  知恵子</t>
  </si>
  <si>
    <t>小田  京子</t>
  </si>
  <si>
    <t>佐藤　力弥</t>
  </si>
  <si>
    <t>佐藤  研一</t>
  </si>
  <si>
    <t>森澤  克則</t>
  </si>
  <si>
    <t>石井  政明</t>
  </si>
  <si>
    <t>吉原　  崇</t>
  </si>
  <si>
    <t>吉原  義則</t>
  </si>
  <si>
    <t>吉原  繁男</t>
  </si>
  <si>
    <t>代表役員  小林　逸雄</t>
  </si>
  <si>
    <t>近藤　康弘</t>
  </si>
  <si>
    <t>川戸  俊一郎</t>
  </si>
  <si>
    <t>川戸  俊明</t>
  </si>
  <si>
    <t>小笠原  裕</t>
  </si>
  <si>
    <t>川辺  公平</t>
  </si>
  <si>
    <t>川辺　ひろみ</t>
  </si>
  <si>
    <t>矢島  ゆかり</t>
  </si>
  <si>
    <t>矢島  昭彦</t>
  </si>
  <si>
    <t>三橋　　賢次</t>
  </si>
  <si>
    <t>三橋　教雄</t>
  </si>
  <si>
    <t>西村　英樹</t>
  </si>
  <si>
    <t>安藤  宗博</t>
  </si>
  <si>
    <t>澤井　政巳</t>
  </si>
  <si>
    <t>内山  八重子</t>
  </si>
  <si>
    <t>柳下　佳子</t>
  </si>
  <si>
    <t>柳下  洋一</t>
  </si>
  <si>
    <t>石川　義仁</t>
  </si>
  <si>
    <t>宝田　  浩</t>
  </si>
  <si>
    <t>林　  奈美</t>
  </si>
  <si>
    <t>林  　弦矢</t>
  </si>
  <si>
    <t>丸岡　敏隆</t>
  </si>
  <si>
    <t>丸岡 　 敏隆</t>
  </si>
  <si>
    <t>伊澤  修二</t>
  </si>
  <si>
    <t>伊澤  貞治</t>
  </si>
  <si>
    <t>安西  　透</t>
  </si>
  <si>
    <t>安西  透</t>
  </si>
  <si>
    <t>安部  奈穂</t>
  </si>
  <si>
    <t>安部　奈穂</t>
  </si>
  <si>
    <t>松村  壮一郎</t>
  </si>
  <si>
    <t>松村　壮一郎</t>
  </si>
  <si>
    <t>荘司  真一郎</t>
  </si>
  <si>
    <t>荘司  真太郎</t>
  </si>
  <si>
    <t>田中　貴章</t>
  </si>
  <si>
    <t>森田　成美</t>
  </si>
  <si>
    <t>田野井　儀寿</t>
  </si>
  <si>
    <t>田野井  儀寿</t>
  </si>
  <si>
    <t>木都老  克彦</t>
  </si>
  <si>
    <t>渡邊　浩喜</t>
  </si>
  <si>
    <t>佐藤　仁美</t>
  </si>
  <si>
    <t>太田  健一</t>
  </si>
  <si>
    <t>難波　克己</t>
  </si>
  <si>
    <t>吉田  聖子</t>
  </si>
  <si>
    <t>菅井　ゆか</t>
  </si>
  <si>
    <t>小林  長志</t>
  </si>
  <si>
    <t>小嶋  千英子</t>
  </si>
  <si>
    <t>石塚　薫子</t>
  </si>
  <si>
    <t>岩崎  暢之</t>
  </si>
  <si>
    <t>岩崎  厚</t>
  </si>
  <si>
    <t>瀬戸　美智子</t>
  </si>
  <si>
    <t>佐藤　貴巳子</t>
  </si>
  <si>
    <t>和田　奈津子</t>
  </si>
  <si>
    <t>和田  嘉明</t>
  </si>
  <si>
    <t>阿部  剛</t>
  </si>
  <si>
    <t>阿部  　力</t>
  </si>
  <si>
    <t>岩崎  　泉</t>
  </si>
  <si>
    <t>島﨑　裕美</t>
  </si>
  <si>
    <t>島﨑  裕美</t>
  </si>
  <si>
    <t>河原　成人</t>
  </si>
  <si>
    <t>河原  和雄</t>
  </si>
  <si>
    <t>鈴木　孝司</t>
  </si>
  <si>
    <t>千葉　直樹</t>
  </si>
  <si>
    <t>荒本　範子</t>
  </si>
  <si>
    <t>瀬戸　仁裕</t>
  </si>
  <si>
    <t>本田  俊章</t>
  </si>
  <si>
    <t>久保田　勉</t>
  </si>
  <si>
    <t>若月　芳浩</t>
  </si>
  <si>
    <t>川村　智奈</t>
  </si>
  <si>
    <t>鈴江　奈穂子</t>
  </si>
  <si>
    <t>倉本　英世</t>
  </si>
  <si>
    <t>清水  満正</t>
  </si>
  <si>
    <t>矢田  譲</t>
  </si>
  <si>
    <t>矢田　譲</t>
  </si>
  <si>
    <t>岩岡　　夏輝</t>
  </si>
  <si>
    <t>黒滝　温子</t>
  </si>
  <si>
    <t>加瀬  容子</t>
  </si>
  <si>
    <t>野末  晃秀</t>
  </si>
  <si>
    <t>笠原　逸子</t>
  </si>
  <si>
    <t>森  　慎互</t>
  </si>
  <si>
    <t>菊池　千賀子</t>
  </si>
  <si>
    <t>岩澤  信男</t>
  </si>
  <si>
    <t>金子　真理亜</t>
  </si>
  <si>
    <t>金子　泰之</t>
  </si>
  <si>
    <t>松本　茂</t>
  </si>
  <si>
    <t>佐伯　朋子</t>
  </si>
  <si>
    <t>籾山  英人</t>
  </si>
  <si>
    <t>籾山  　宣</t>
  </si>
  <si>
    <t>鎌田  京子</t>
  </si>
  <si>
    <t>鎌田  克巳</t>
  </si>
  <si>
    <t>及川  久美子</t>
  </si>
  <si>
    <t>及川  裕望</t>
  </si>
  <si>
    <t>鈴木　政美</t>
  </si>
  <si>
    <t>大岡　正樹</t>
  </si>
  <si>
    <t>加藤  健一</t>
  </si>
  <si>
    <t>鎌田  豊也</t>
  </si>
  <si>
    <t>苅込  　大</t>
  </si>
  <si>
    <t>福岡  和子</t>
  </si>
  <si>
    <t>小泉　議右</t>
  </si>
  <si>
    <t>小泉  議右</t>
  </si>
  <si>
    <t>今井　　茂</t>
  </si>
  <si>
    <t>石渡　一郎</t>
  </si>
  <si>
    <t>石渡  　博</t>
  </si>
  <si>
    <t>藤田　多恵子</t>
  </si>
  <si>
    <t>白井　三根子</t>
  </si>
  <si>
    <t>白井　雅人</t>
  </si>
  <si>
    <t>黒澤　聡子</t>
  </si>
  <si>
    <t>佐栁　正三</t>
  </si>
  <si>
    <t>宗野　鏡子</t>
  </si>
  <si>
    <t>代表役員  宗野鏡子</t>
  </si>
  <si>
    <t>志田  　元</t>
  </si>
  <si>
    <t>志田 　 元</t>
  </si>
  <si>
    <t>溝上　慎一</t>
  </si>
  <si>
    <t>増渕　稔</t>
  </si>
  <si>
    <t>瀬野　由貴江</t>
  </si>
  <si>
    <t>鴨志田  清</t>
  </si>
  <si>
    <t>𠮷濵  美代子</t>
  </si>
  <si>
    <t>吉濵  美代子</t>
  </si>
  <si>
    <t>木下　泰</t>
  </si>
  <si>
    <t>岡崎  順子</t>
  </si>
  <si>
    <t>鈴木　典子</t>
  </si>
  <si>
    <t>高畑　誠</t>
  </si>
  <si>
    <t>久保田　穂波</t>
  </si>
  <si>
    <t>髙根　澄子</t>
  </si>
  <si>
    <t>吉原　一久</t>
  </si>
  <si>
    <t>吉原　久雄</t>
  </si>
  <si>
    <t>関　　栄一</t>
  </si>
  <si>
    <t>渡邉　英則</t>
  </si>
  <si>
    <t>渡邉  英則</t>
  </si>
  <si>
    <t>吉野  浩司</t>
  </si>
  <si>
    <t>中山  賢一</t>
  </si>
  <si>
    <t>柏木  照正</t>
  </si>
  <si>
    <t>柏木　照正</t>
  </si>
  <si>
    <t>西山　麻奈美</t>
  </si>
  <si>
    <t>谷澤　　満</t>
  </si>
  <si>
    <t>大山  文恵</t>
  </si>
  <si>
    <t>竹田  一雄</t>
  </si>
  <si>
    <t>高良  敏子</t>
  </si>
  <si>
    <t>中村　達也</t>
  </si>
  <si>
    <t>小泉　紀子</t>
  </si>
  <si>
    <t>加藤　まなみ</t>
  </si>
  <si>
    <t>黒崎　一枝</t>
  </si>
  <si>
    <t>加藤　淳生</t>
  </si>
  <si>
    <t>三輪  哲也</t>
  </si>
  <si>
    <t>三輪  恒嗣</t>
  </si>
  <si>
    <t>大塚　恵子</t>
  </si>
  <si>
    <t>石渡  宏之</t>
  </si>
  <si>
    <t>宇井  幸子</t>
  </si>
  <si>
    <t>光田　久美子</t>
  </si>
  <si>
    <t>川崎  　等</t>
  </si>
  <si>
    <t>小川  哲也</t>
  </si>
  <si>
    <t>荘司  高俊</t>
  </si>
  <si>
    <t>伏島　隆興</t>
  </si>
  <si>
    <t>平松　達美</t>
  </si>
  <si>
    <t>竹内  豊子</t>
  </si>
  <si>
    <t>竹内  聡晴</t>
  </si>
  <si>
    <t>松本  王干</t>
  </si>
  <si>
    <t>松本　王干</t>
  </si>
  <si>
    <t>寺田　信哉</t>
  </si>
  <si>
    <t>代表役員  藤田　隆乗</t>
  </si>
  <si>
    <t>宮澤　恵樹</t>
  </si>
  <si>
    <t>三輪　恒嗣</t>
  </si>
  <si>
    <t>荒井  晶子</t>
  </si>
  <si>
    <t>岡野　和義</t>
  </si>
  <si>
    <t>中村  博基</t>
  </si>
  <si>
    <t>小泉  愉孝</t>
  </si>
  <si>
    <t>代表役員  小泉愉孝</t>
  </si>
  <si>
    <t>金井  岳</t>
  </si>
  <si>
    <t>松本　春恵</t>
  </si>
  <si>
    <t>小峰  高暁</t>
  </si>
  <si>
    <t>志村  雄治</t>
  </si>
  <si>
    <t>佐野  裕章</t>
  </si>
  <si>
    <t>山崎  弘子</t>
  </si>
  <si>
    <t>鈴木 　伸司</t>
  </si>
  <si>
    <t>鈴木　伸司</t>
  </si>
  <si>
    <t>大西　亜季</t>
  </si>
  <si>
    <t>小島  一浩</t>
  </si>
  <si>
    <t>志村　富子</t>
  </si>
  <si>
    <t>小泉　浩之</t>
  </si>
  <si>
    <t>日下部　香苗</t>
  </si>
  <si>
    <t>大谷  敦</t>
  </si>
  <si>
    <t>井上  早苗</t>
  </si>
  <si>
    <t>佐藤  教寛</t>
  </si>
  <si>
    <t>井口　　衛</t>
  </si>
  <si>
    <t>大谷  英博</t>
  </si>
  <si>
    <t>野口  友子</t>
  </si>
  <si>
    <t>野口　友子</t>
  </si>
  <si>
    <t>鈴木　瑞穂</t>
  </si>
  <si>
    <t>琴賀岡　宏美</t>
  </si>
  <si>
    <t>保科　佐希子</t>
  </si>
  <si>
    <t>三宅  宣幸</t>
  </si>
  <si>
    <t>平岡　義章</t>
  </si>
  <si>
    <t>鈴木  健之</t>
  </si>
  <si>
    <t>宮田　昌一</t>
  </si>
  <si>
    <t>宮田  昌一</t>
  </si>
  <si>
    <t>對馬  ちとせ</t>
  </si>
  <si>
    <t>對馬　　剛</t>
  </si>
  <si>
    <t>前田  壽一</t>
  </si>
  <si>
    <t>奈良部　利子</t>
  </si>
  <si>
    <t>代表役員  嶋田一乗</t>
  </si>
  <si>
    <t>鈴木  正宏</t>
  </si>
  <si>
    <t>鈴木　正宏</t>
  </si>
  <si>
    <t>小林　志げ乃</t>
  </si>
  <si>
    <t>嶋﨑  正浩</t>
  </si>
  <si>
    <t>山田  まり子</t>
  </si>
  <si>
    <t>山田賢一</t>
  </si>
  <si>
    <t>齋藤　哲郎</t>
  </si>
  <si>
    <t>新井  隆俊</t>
  </si>
  <si>
    <t>関山　真弘</t>
  </si>
  <si>
    <t>平山　方夫</t>
  </si>
  <si>
    <t>平山  順一</t>
  </si>
  <si>
    <t>河合  光利</t>
  </si>
  <si>
    <t>内海  光子</t>
  </si>
  <si>
    <t>代表役員  内海惠俊</t>
  </si>
  <si>
    <t>久世　麻衣</t>
  </si>
  <si>
    <t>小塚  良雄</t>
  </si>
  <si>
    <t>淺谷  光子</t>
  </si>
  <si>
    <t>淺谷  　学</t>
  </si>
  <si>
    <t>伊藤　夏夫</t>
  </si>
  <si>
    <t>持田  進吾</t>
  </si>
  <si>
    <t>安藤  　直</t>
  </si>
  <si>
    <t>町田  順文</t>
  </si>
  <si>
    <t>村山　秀雄</t>
  </si>
  <si>
    <t>永井 　 ひろみ</t>
  </si>
  <si>
    <t>中村  達也</t>
  </si>
  <si>
    <t>中田  俊彦</t>
  </si>
  <si>
    <t>中田　俊彦</t>
  </si>
  <si>
    <t>小島  澄人</t>
  </si>
  <si>
    <t>小島  哲史</t>
  </si>
  <si>
    <t>井上 　 華都也</t>
  </si>
  <si>
    <t>小森　邦子</t>
  </si>
  <si>
    <t>岡本  量寿</t>
  </si>
  <si>
    <t>井上　大士</t>
  </si>
  <si>
    <t>川井　信雄</t>
  </si>
  <si>
    <t>代表役員  川井信雄</t>
  </si>
  <si>
    <t>箕輪　優子</t>
  </si>
  <si>
    <t>鈴木  健治</t>
  </si>
  <si>
    <t>天野　優子</t>
  </si>
  <si>
    <t>新川　とし子</t>
  </si>
  <si>
    <t>長友  正博</t>
  </si>
  <si>
    <t>岩間　良子</t>
  </si>
  <si>
    <t>山口  博美</t>
  </si>
  <si>
    <t>山口  和雄</t>
  </si>
  <si>
    <t>久保田　卓也</t>
  </si>
  <si>
    <t>中山　和枝</t>
  </si>
  <si>
    <t>小澤  俊通</t>
  </si>
  <si>
    <t>南雲　麻由美</t>
  </si>
  <si>
    <t>日下部　全彦</t>
  </si>
  <si>
    <t>山田　宏亨</t>
  </si>
  <si>
    <t>増田　香音子</t>
  </si>
  <si>
    <t>田所  耕司</t>
  </si>
  <si>
    <t>山崎  正志</t>
  </si>
  <si>
    <t>佐藤　政樹</t>
  </si>
  <si>
    <t>佐藤  政樹</t>
  </si>
  <si>
    <t>永井　嘉明</t>
  </si>
  <si>
    <t>永井　完待</t>
  </si>
  <si>
    <t>代表役員  藤森　誠</t>
  </si>
  <si>
    <t>平本　誠子</t>
  </si>
  <si>
    <t>平本  誠子</t>
  </si>
  <si>
    <t>黛　  裕治</t>
  </si>
  <si>
    <t>黛  　裕治</t>
  </si>
  <si>
    <t>小磯  信一</t>
  </si>
  <si>
    <t>永保  貴章</t>
  </si>
  <si>
    <t>大貫　照親</t>
  </si>
  <si>
    <t>大貫  照親</t>
  </si>
  <si>
    <t>金子  亜矢</t>
  </si>
  <si>
    <t>金子　崇志</t>
  </si>
  <si>
    <t>八木 　 肇</t>
  </si>
  <si>
    <t>桐生　典明</t>
  </si>
  <si>
    <t>長谷川　伸治</t>
  </si>
  <si>
    <t>佐藤　宏一</t>
  </si>
  <si>
    <t>武田　陽子</t>
  </si>
  <si>
    <t>佐藤  宏明</t>
  </si>
  <si>
    <t>兒玉  國利</t>
  </si>
  <si>
    <t>小方  　健太郎</t>
  </si>
  <si>
    <t>石川　智伯</t>
  </si>
  <si>
    <t>大塚　幸一</t>
  </si>
  <si>
    <t>長澤　博文</t>
  </si>
  <si>
    <t>深沢 亮</t>
  </si>
  <si>
    <t>深沢 　肇</t>
  </si>
  <si>
    <t>川井  俊幸</t>
  </si>
  <si>
    <t>川井　俊幸</t>
  </si>
  <si>
    <t>代表役員  井殿　準</t>
  </si>
  <si>
    <t>吉村　充代</t>
  </si>
  <si>
    <t>溝渕  真澄</t>
  </si>
  <si>
    <t>溝渕　真澄</t>
  </si>
  <si>
    <t>吉村　文比古</t>
  </si>
  <si>
    <t>小山　哲央</t>
  </si>
  <si>
    <t>佐藤  豊昭</t>
  </si>
  <si>
    <t>佐藤　直人</t>
  </si>
  <si>
    <t>岩本　  勉</t>
  </si>
  <si>
    <t>澁谷  武男</t>
  </si>
  <si>
    <t>藤本  吉伸</t>
  </si>
  <si>
    <t>岩波　啓之</t>
  </si>
  <si>
    <t>室北  篤郎</t>
  </si>
  <si>
    <t>玉木  弁立</t>
  </si>
  <si>
    <t>斎藤　幸雄</t>
  </si>
  <si>
    <t>赤穂　裕之</t>
  </si>
  <si>
    <t>安藤　多津子</t>
  </si>
  <si>
    <t>稲葉　祥江</t>
  </si>
  <si>
    <t>半谷  直基</t>
  </si>
  <si>
    <t>半谷　直基</t>
  </si>
  <si>
    <t>笹瀬  美幸</t>
  </si>
  <si>
    <t>笹瀬　敏朗</t>
  </si>
  <si>
    <t>楠山　泰道</t>
  </si>
  <si>
    <t>代表役員  楠山泰道</t>
  </si>
  <si>
    <t>本橋  洋道</t>
  </si>
  <si>
    <t>本橋  眞道</t>
  </si>
  <si>
    <t>山田  静栄</t>
  </si>
  <si>
    <t>山田  高美</t>
  </si>
  <si>
    <t>杉山  智子</t>
  </si>
  <si>
    <t>代表役員　山崎恵文</t>
  </si>
  <si>
    <t>曽我　晴美</t>
  </si>
  <si>
    <t>代表役員　三田村龍恵</t>
  </si>
  <si>
    <t>余郷  有聡</t>
  </si>
  <si>
    <t>結城  効子</t>
  </si>
  <si>
    <t>代表役員  結城正純</t>
  </si>
  <si>
    <t>伊藤　正泰</t>
  </si>
  <si>
    <t>峯岸　保江</t>
  </si>
  <si>
    <t>長澤  英子</t>
  </si>
  <si>
    <t>長澤　典子</t>
  </si>
  <si>
    <t>椎名  正信</t>
  </si>
  <si>
    <t>代表役員  椎名正仁</t>
  </si>
  <si>
    <t>杉野　信一郎</t>
  </si>
  <si>
    <t>代表役員　杉野　信一郎</t>
  </si>
  <si>
    <t>石渡  典子</t>
  </si>
  <si>
    <t>竹折  輝隆</t>
  </si>
  <si>
    <t>上野　通子</t>
  </si>
  <si>
    <t>安藤　哲史</t>
  </si>
  <si>
    <t>平野  眞由美</t>
  </si>
  <si>
    <t>新藤　正樹</t>
  </si>
  <si>
    <t>齋木　彩華</t>
  </si>
  <si>
    <t>柏木　稔</t>
  </si>
  <si>
    <t>三浦  深雪</t>
  </si>
  <si>
    <t>三浦  清邦</t>
  </si>
  <si>
    <t>白川　敦</t>
  </si>
  <si>
    <t>清水  　裕</t>
  </si>
  <si>
    <t>久保田  智子</t>
  </si>
  <si>
    <t>久保田　智子</t>
  </si>
  <si>
    <t>尾崎　絹子</t>
  </si>
  <si>
    <t>尾崎  　勝</t>
  </si>
  <si>
    <t>伊藤　紀彦</t>
  </si>
  <si>
    <t>代表役員  宅野順彦</t>
  </si>
  <si>
    <t>雑賀　由希子</t>
  </si>
  <si>
    <t>雑賀　定樹</t>
  </si>
  <si>
    <t>渥美　直美</t>
  </si>
  <si>
    <t>原田　道男</t>
  </si>
  <si>
    <t>堀田  佳之介</t>
  </si>
  <si>
    <t>堀田  節子</t>
  </si>
  <si>
    <t>北川　一明</t>
  </si>
  <si>
    <t>代表役員  北川　一明</t>
  </si>
  <si>
    <t>青木  正子</t>
  </si>
  <si>
    <t>大澤　一之</t>
  </si>
  <si>
    <t>大澤  一仁</t>
  </si>
  <si>
    <t>山田  誠一</t>
  </si>
  <si>
    <t>ターディフ　マルコ</t>
  </si>
  <si>
    <t>嶋村　武志</t>
  </si>
  <si>
    <t>嶋村  勝美</t>
  </si>
  <si>
    <t>新井　宏明</t>
  </si>
  <si>
    <t>開米　真津</t>
  </si>
  <si>
    <t>北條　信彦</t>
  </si>
  <si>
    <t>石井　大貴</t>
  </si>
  <si>
    <t>石井  良一</t>
  </si>
  <si>
    <t>清水　有生</t>
  </si>
  <si>
    <t>輿　俊道</t>
  </si>
  <si>
    <t>代表役員  横田南嶺</t>
  </si>
  <si>
    <t>森本  壽子</t>
  </si>
  <si>
    <t>福井　一光</t>
  </si>
  <si>
    <t>河井  怜子</t>
  </si>
  <si>
    <t>高麗　宏子</t>
  </si>
  <si>
    <t>代表役員  梅田良光</t>
  </si>
  <si>
    <t>吉田　茂穂</t>
  </si>
  <si>
    <t>代表役員  吉田茂穂</t>
  </si>
  <si>
    <t>後藤　光葉</t>
  </si>
  <si>
    <t>横山  まさ子</t>
  </si>
  <si>
    <t>森　　研四郎</t>
  </si>
  <si>
    <t>森　研四郎</t>
  </si>
  <si>
    <t>石井  秀卓</t>
  </si>
  <si>
    <t>鈴木　良敬</t>
  </si>
  <si>
    <t>池田 久美子</t>
  </si>
  <si>
    <t>井上　輝夫</t>
  </si>
  <si>
    <t>井上  輝夫</t>
  </si>
  <si>
    <t>横山  流</t>
  </si>
  <si>
    <t>代表役員  菊池　一男</t>
  </si>
  <si>
    <t>加部　公子</t>
  </si>
  <si>
    <t>代表役員  清水  臣</t>
  </si>
  <si>
    <t>相原　奈保子</t>
  </si>
  <si>
    <t>相原  威</t>
  </si>
  <si>
    <t>渡邉　信秀</t>
  </si>
  <si>
    <t>渡邉  信秀</t>
  </si>
  <si>
    <t>岩武　学</t>
  </si>
  <si>
    <t>長谷川　京子</t>
  </si>
  <si>
    <t>荻原　禮子</t>
  </si>
  <si>
    <t>髙野　正基</t>
  </si>
  <si>
    <t>髙野  正基</t>
  </si>
  <si>
    <t>冨田　喜猛</t>
  </si>
  <si>
    <t>黒岩　聖子</t>
  </si>
  <si>
    <t>代表役員  入江　修</t>
  </si>
  <si>
    <t>武藤  薫子</t>
  </si>
  <si>
    <t>武藤　正</t>
  </si>
  <si>
    <t>古郡  愛子</t>
  </si>
  <si>
    <t>古郡  健</t>
  </si>
  <si>
    <t>沢野　太知</t>
  </si>
  <si>
    <t>沢野  文生</t>
  </si>
  <si>
    <t>猿渡　智香子</t>
  </si>
  <si>
    <t>吉田　淳基</t>
  </si>
  <si>
    <t>佐藤　尚子</t>
  </si>
  <si>
    <t>夏村　充</t>
  </si>
  <si>
    <t>広田  信明</t>
  </si>
  <si>
    <t>広田　信明</t>
  </si>
  <si>
    <t>山本  富士枝</t>
  </si>
  <si>
    <t>森井  茂</t>
  </si>
  <si>
    <t>池田　清</t>
  </si>
  <si>
    <t>神崎　  洋輔</t>
  </si>
  <si>
    <t>神崎  良</t>
  </si>
  <si>
    <t>大竹  貞代</t>
  </si>
  <si>
    <t>尹　卿惠</t>
  </si>
  <si>
    <t>代表役員  黒田　直人</t>
  </si>
  <si>
    <t>濵口　末明</t>
  </si>
  <si>
    <t>市瀬　英昭</t>
  </si>
  <si>
    <t>平川  春江</t>
  </si>
  <si>
    <t>平川  　弘</t>
  </si>
  <si>
    <t>山下 　 隆</t>
  </si>
  <si>
    <t>山下　　隆</t>
  </si>
  <si>
    <t>田淵　恵美</t>
  </si>
  <si>
    <t>秦野  悦子</t>
  </si>
  <si>
    <t>剱地　由美</t>
  </si>
  <si>
    <t>島田　美緒</t>
  </si>
  <si>
    <t>栢沼　伸芳</t>
  </si>
  <si>
    <t>澤野　誠</t>
  </si>
  <si>
    <t>羽柴  安早子</t>
  </si>
  <si>
    <t>新井　裕介</t>
  </si>
  <si>
    <t>岡田  貴子</t>
  </si>
  <si>
    <t>舘野　功</t>
  </si>
  <si>
    <t>中林　三平</t>
  </si>
  <si>
    <t>千葉　良道</t>
  </si>
  <si>
    <t>武藤  保之</t>
  </si>
  <si>
    <t>簾内  明子</t>
  </si>
  <si>
    <t>大石  浩準</t>
  </si>
  <si>
    <t>鈴木  由香里</t>
  </si>
  <si>
    <t>下里　由香</t>
  </si>
  <si>
    <t>永田　直子</t>
  </si>
  <si>
    <t>中村  　修</t>
  </si>
  <si>
    <t>杉崎  直人</t>
  </si>
  <si>
    <t>浅野井　孝志</t>
  </si>
  <si>
    <t>青木　  章</t>
  </si>
  <si>
    <t>加藤  行宣</t>
  </si>
  <si>
    <t>谷田貝　円</t>
  </si>
  <si>
    <t>菊池　亜紀子</t>
  </si>
  <si>
    <t>伊藤　美千代</t>
  </si>
  <si>
    <t>磯川　　浩</t>
  </si>
  <si>
    <t>林　光</t>
  </si>
  <si>
    <t>石田　敏則</t>
  </si>
  <si>
    <t>石井　望</t>
  </si>
  <si>
    <t>石井　稔江</t>
  </si>
  <si>
    <t>森本  惠美</t>
  </si>
  <si>
    <t>森本　惠美</t>
  </si>
  <si>
    <t>水上　健次</t>
  </si>
  <si>
    <t>土田　成明</t>
  </si>
  <si>
    <t>鈴木  隆之</t>
  </si>
  <si>
    <t>原　弘道</t>
  </si>
  <si>
    <t>大澤  一之</t>
  </si>
  <si>
    <t>大森　徳子</t>
  </si>
  <si>
    <t>田邊　幹夫</t>
  </si>
  <si>
    <t>飯田　由紀子</t>
  </si>
  <si>
    <t>鈴木　順一朗</t>
  </si>
  <si>
    <t>金丸　聡美</t>
  </si>
  <si>
    <t>山本　麻子</t>
  </si>
  <si>
    <t>古澤　志津代</t>
  </si>
  <si>
    <t>中野  嘉子</t>
  </si>
  <si>
    <t>中野  正規</t>
  </si>
  <si>
    <t>宮崎  昌彦</t>
  </si>
  <si>
    <t>難波  香織</t>
  </si>
  <si>
    <t>和田　敏美</t>
  </si>
  <si>
    <t>藤野  心</t>
  </si>
  <si>
    <t>森　厚子</t>
  </si>
  <si>
    <t>宮崎  幸次</t>
  </si>
  <si>
    <t>中尾　賢治</t>
  </si>
  <si>
    <t>田原　清光</t>
  </si>
  <si>
    <t>赤羽　美登志</t>
  </si>
  <si>
    <t>仲　早百合</t>
  </si>
  <si>
    <t>安藤  公子</t>
  </si>
  <si>
    <t>安藤  博文</t>
  </si>
  <si>
    <t>難波　香織</t>
  </si>
  <si>
    <t>和田　貴樹</t>
  </si>
  <si>
    <t>和田  貴樹</t>
  </si>
  <si>
    <t>野津　裕子</t>
  </si>
  <si>
    <t>日髙　真理</t>
  </si>
  <si>
    <t>日高  倫明</t>
  </si>
  <si>
    <t>佐藤　直樹</t>
  </si>
  <si>
    <t>佐藤  幸子</t>
  </si>
  <si>
    <t>佐藤　幸子</t>
  </si>
  <si>
    <t>山口  繁美</t>
  </si>
  <si>
    <t>椿　伊智郎</t>
  </si>
  <si>
    <t>荻窪  末一</t>
  </si>
  <si>
    <t>荻窪  政一</t>
  </si>
  <si>
    <t>徳重  裕士</t>
  </si>
  <si>
    <t>籾山  健</t>
  </si>
  <si>
    <t>籾山　和則</t>
  </si>
  <si>
    <t>西山　太将</t>
  </si>
  <si>
    <t>西山  太将</t>
  </si>
  <si>
    <t>利光　康伸</t>
  </si>
  <si>
    <t>古木  裕彦</t>
  </si>
  <si>
    <t>柏木　陽一</t>
  </si>
  <si>
    <t>小倉  隆夫</t>
  </si>
  <si>
    <t>横森　司</t>
  </si>
  <si>
    <t>古木  幸一</t>
  </si>
  <si>
    <t>吉武　誠一</t>
  </si>
  <si>
    <t>長塚　恵美</t>
  </si>
  <si>
    <t>能條　公夫</t>
  </si>
  <si>
    <t>岩崎　　肇</t>
  </si>
  <si>
    <t>諏訪　千恵美</t>
  </si>
  <si>
    <t>矢作  淳子</t>
  </si>
  <si>
    <t>近藤  哲朗</t>
  </si>
  <si>
    <t>鍵渡  正徳</t>
  </si>
  <si>
    <t>鍵渡  香代子</t>
  </si>
  <si>
    <t>米山  　稔</t>
  </si>
  <si>
    <t>櫻井  直之</t>
  </si>
  <si>
    <t>古郡  貴正</t>
  </si>
  <si>
    <t>櫻井  喜宣</t>
  </si>
  <si>
    <t>中村　保夫</t>
  </si>
  <si>
    <t>岡本　智子</t>
  </si>
  <si>
    <t>小山田　久美</t>
  </si>
  <si>
    <t>小多喜　正範</t>
  </si>
  <si>
    <t>山本　知大</t>
  </si>
  <si>
    <t>山本  知大</t>
  </si>
  <si>
    <t>加藤  哲郎</t>
  </si>
  <si>
    <t>加藤  純一</t>
  </si>
  <si>
    <t>鈴木  寛和</t>
  </si>
  <si>
    <t>三原  信之</t>
  </si>
  <si>
    <t>三原  時子</t>
  </si>
  <si>
    <t>柳瀬　暁美</t>
  </si>
  <si>
    <t>石綿　まゆみ</t>
  </si>
  <si>
    <t>北邨　賢雄</t>
  </si>
  <si>
    <t>比留川  昇</t>
  </si>
  <si>
    <t>比留川　公代</t>
  </si>
  <si>
    <t>比留川  桂子</t>
  </si>
  <si>
    <t>橘川　和夫</t>
  </si>
  <si>
    <t>橘川  好一</t>
  </si>
  <si>
    <t>古郡　敏正</t>
  </si>
  <si>
    <t>古郡　保正</t>
  </si>
  <si>
    <t>佐竹　和平</t>
  </si>
  <si>
    <t>古郡　孔文</t>
  </si>
  <si>
    <t>田中　健介</t>
  </si>
  <si>
    <t>田中  伸宜</t>
  </si>
  <si>
    <t>角井 裕子</t>
  </si>
  <si>
    <t>角井  行雄</t>
  </si>
  <si>
    <t>竹石　素子</t>
  </si>
  <si>
    <t>中間　憲子</t>
  </si>
  <si>
    <t>相原　浩司</t>
  </si>
  <si>
    <t>磯川  　健</t>
  </si>
  <si>
    <t>稲葉　善章</t>
  </si>
  <si>
    <t>水島  一恭</t>
  </si>
  <si>
    <t>濵野　悦子</t>
  </si>
  <si>
    <t>濵野  悦子</t>
  </si>
  <si>
    <t>杉崎  典子</t>
  </si>
  <si>
    <t>三宅　栄子</t>
  </si>
  <si>
    <t>井上  　誠</t>
  </si>
  <si>
    <t>神宮　万希</t>
  </si>
  <si>
    <t>大貫  伸久</t>
  </si>
  <si>
    <t>大貫  サトヱ</t>
  </si>
  <si>
    <t>清水　勝幸</t>
  </si>
  <si>
    <t>臼井　公明</t>
  </si>
  <si>
    <t>内藤　伸人</t>
  </si>
  <si>
    <t>浅古　弘</t>
  </si>
  <si>
    <t>池田　純一郎</t>
  </si>
  <si>
    <t>鈴木　真</t>
  </si>
  <si>
    <t>岡崎　一実</t>
  </si>
  <si>
    <t>規矩　大義</t>
  </si>
  <si>
    <t>中村　貞雄</t>
  </si>
  <si>
    <t>黒畑　勝男</t>
  </si>
  <si>
    <t>時川　郁夫</t>
  </si>
  <si>
    <t>石故　裕介</t>
  </si>
  <si>
    <t>馬場　国博</t>
  </si>
  <si>
    <t>伊藤　公平</t>
  </si>
  <si>
    <t>田中　友樹</t>
  </si>
  <si>
    <t>小野　拓士</t>
  </si>
  <si>
    <t>石代　雅日</t>
  </si>
  <si>
    <t>伊藤　彰洋</t>
  </si>
  <si>
    <t>風間　誠史</t>
  </si>
  <si>
    <t>山口　旬</t>
  </si>
  <si>
    <t>保々　和宏</t>
  </si>
  <si>
    <t>大塚　俊明</t>
  </si>
  <si>
    <t>有阪　奈保子</t>
  </si>
  <si>
    <t>深澤　光代</t>
  </si>
  <si>
    <t>岩渕　和信</t>
  </si>
  <si>
    <t>野村　隆治</t>
  </si>
  <si>
    <t>加藤　隆樹</t>
  </si>
  <si>
    <t>林　真理子</t>
  </si>
  <si>
    <t>小林　直樹</t>
  </si>
  <si>
    <t>所澤　保孝</t>
  </si>
  <si>
    <t>田口　久美子</t>
  </si>
  <si>
    <t>大谷　京司</t>
  </si>
  <si>
    <t>上戸　基夫</t>
  </si>
  <si>
    <t>上原　治子</t>
  </si>
  <si>
    <t>田崎  吾郎</t>
  </si>
  <si>
    <t>多田　信哉</t>
  </si>
  <si>
    <t>外西　俊一郎</t>
  </si>
  <si>
    <t>岸本　力也</t>
  </si>
  <si>
    <t>古梶　裕之</t>
  </si>
  <si>
    <t>浅野  一</t>
  </si>
  <si>
    <t>及川　正俊</t>
  </si>
  <si>
    <t>本間　朋弘</t>
  </si>
  <si>
    <t>島名　恭子</t>
  </si>
  <si>
    <t>阿部　素子</t>
  </si>
  <si>
    <t>小澤　伸男</t>
  </si>
  <si>
    <t>平間　宏一</t>
  </si>
  <si>
    <t>木下　庸子</t>
  </si>
  <si>
    <t>森田　祐二</t>
  </si>
  <si>
    <t>葛　藏造</t>
  </si>
  <si>
    <t>森上　和哲</t>
  </si>
  <si>
    <t>中園　健二</t>
  </si>
  <si>
    <t>田中　徳孝</t>
  </si>
  <si>
    <t>野路　尚弘</t>
  </si>
  <si>
    <t>公文　晶子</t>
  </si>
  <si>
    <t>公文  倫子</t>
  </si>
  <si>
    <t>蓑田　大</t>
  </si>
  <si>
    <t>松信　裕</t>
  </si>
  <si>
    <t>金子　　肇</t>
  </si>
  <si>
    <t>金子  肇</t>
  </si>
  <si>
    <t>永川　尚文</t>
  </si>
  <si>
    <t>岡　真由美</t>
  </si>
  <si>
    <t>小林　道夫</t>
  </si>
  <si>
    <t>石渡　卓</t>
  </si>
  <si>
    <t>山本　伸</t>
  </si>
  <si>
    <t>朝木 秀樹</t>
  </si>
  <si>
    <t>鳥越　政晴</t>
  </si>
  <si>
    <t>木下　耕児</t>
  </si>
  <si>
    <t>大村　雅彦</t>
  </si>
  <si>
    <t>笠井　浩之</t>
  </si>
  <si>
    <t>Diana Khor</t>
  </si>
  <si>
    <t>宮阪　元子</t>
  </si>
  <si>
    <t>萩原　千加子</t>
  </si>
  <si>
    <t>野中　友規子</t>
  </si>
  <si>
    <t>今市　涼子</t>
  </si>
  <si>
    <t>岡村　薫</t>
  </si>
  <si>
    <t>中間　義之</t>
  </si>
  <si>
    <t>中出　光政</t>
  </si>
  <si>
    <t>松前  義昭</t>
  </si>
  <si>
    <t>平田　幸夫</t>
  </si>
  <si>
    <t>天野　海走</t>
  </si>
  <si>
    <t>柳下　修</t>
  </si>
  <si>
    <t>アガスティン サリ</t>
  </si>
  <si>
    <t>長尾　宏道</t>
  </si>
  <si>
    <t>大野　明子</t>
  </si>
  <si>
    <t>杉山　美智子</t>
  </si>
  <si>
    <t>佐野　朗子</t>
  </si>
  <si>
    <t>藤崎　一郎</t>
  </si>
  <si>
    <t>小川　幸子</t>
  </si>
  <si>
    <t>岩瀬　有子</t>
  </si>
  <si>
    <t>ミカエル・カルマノ</t>
  </si>
  <si>
    <t>尾上　義和</t>
  </si>
  <si>
    <t>林　学</t>
  </si>
  <si>
    <t>東山　勉</t>
  </si>
  <si>
    <t>渡辺　博</t>
  </si>
  <si>
    <t>渡邉　祐一</t>
  </si>
  <si>
    <t>武井　清忠</t>
  </si>
  <si>
    <t>髙野　昇一</t>
  </si>
  <si>
    <t>佐々木　富紀子</t>
  </si>
  <si>
    <t>小和田　亜土</t>
  </si>
  <si>
    <t>目黒　泉</t>
  </si>
  <si>
    <t>森永　浩司</t>
  </si>
  <si>
    <t>村田　園生</t>
  </si>
  <si>
    <t>玉川　匡彦</t>
  </si>
  <si>
    <t>嵯峨  実允</t>
  </si>
  <si>
    <t>橋本　宏美</t>
  </si>
  <si>
    <t>眞田　有快</t>
  </si>
  <si>
    <t>廣瀬　裕</t>
  </si>
  <si>
    <t>梅澤　一之</t>
  </si>
  <si>
    <t>阿久澤　武史</t>
  </si>
  <si>
    <t>髙木　暁子</t>
  </si>
  <si>
    <t>河野　隆</t>
  </si>
  <si>
    <t>松本　一彦</t>
  </si>
  <si>
    <t>金子　肇</t>
  </si>
  <si>
    <t>岡田　直哉</t>
  </si>
  <si>
    <t>笠原 浩之</t>
  </si>
  <si>
    <t>中田　大成</t>
  </si>
  <si>
    <t>坪井　芳朗</t>
  </si>
  <si>
    <t>小倉　弘明</t>
  </si>
  <si>
    <t>武石　輝久</t>
  </si>
  <si>
    <t>天野　雅秀</t>
  </si>
  <si>
    <t>石原　弘嗣</t>
  </si>
  <si>
    <t>内山　繁</t>
  </si>
  <si>
    <t>吉田　和市</t>
  </si>
  <si>
    <t>髙橋  隆一</t>
  </si>
  <si>
    <t>井上　奈々</t>
  </si>
  <si>
    <t>山室　智明</t>
  </si>
  <si>
    <t>糸山　祐</t>
  </si>
  <si>
    <t>小口　昌哉</t>
  </si>
  <si>
    <t>堀内　文兵</t>
  </si>
  <si>
    <t>水野　　浩</t>
  </si>
  <si>
    <t>小野　充</t>
  </si>
  <si>
    <t>小河　亨</t>
  </si>
  <si>
    <t>山田　貴久</t>
  </si>
  <si>
    <t>矢藤　慎一</t>
  </si>
  <si>
    <t>込山　英弥</t>
  </si>
  <si>
    <t>三浦　成子</t>
  </si>
  <si>
    <t>玉田　裕之</t>
  </si>
  <si>
    <t>大藤　行央</t>
  </si>
  <si>
    <t>星　祐子</t>
  </si>
  <si>
    <t>笹野　信治</t>
  </si>
  <si>
    <t>藤森　茂</t>
  </si>
  <si>
    <t>柴田　昌一</t>
  </si>
  <si>
    <t>櫻井  則子</t>
  </si>
  <si>
    <t>櫻井  武美</t>
  </si>
  <si>
    <t>鳥山　直温</t>
  </si>
  <si>
    <t>加藤　直樹</t>
  </si>
  <si>
    <t>中本　毎彦</t>
  </si>
  <si>
    <t>森　茂樹</t>
  </si>
  <si>
    <t>山﨑  良子</t>
  </si>
  <si>
    <t>遠山　武志</t>
  </si>
  <si>
    <t>田島　常夫</t>
  </si>
  <si>
    <t>馬場　栄一</t>
  </si>
  <si>
    <t>岸野　佑宣</t>
  </si>
  <si>
    <t>岸野　雅方</t>
  </si>
  <si>
    <t>柳谷　良子</t>
  </si>
  <si>
    <t>中村　康彦</t>
  </si>
  <si>
    <t>岩崎 文裕</t>
  </si>
  <si>
    <t>福中　信人</t>
  </si>
  <si>
    <t>河合  英樹</t>
  </si>
  <si>
    <t>説田　竜男</t>
  </si>
  <si>
    <t>吉岡　公珠</t>
  </si>
  <si>
    <t>田村　　守</t>
  </si>
  <si>
    <t>田村　守</t>
  </si>
  <si>
    <t>篠田　晃</t>
  </si>
  <si>
    <t>上田　保志</t>
  </si>
  <si>
    <t>岩谷　大介</t>
  </si>
  <si>
    <t>岩崎  有紀子</t>
  </si>
  <si>
    <t>藤井　路子</t>
  </si>
  <si>
    <t>中村  麻美</t>
  </si>
  <si>
    <t>廣瀬　　道</t>
  </si>
  <si>
    <t>廣瀬　喜久子</t>
  </si>
  <si>
    <t>矢作　悦章</t>
  </si>
  <si>
    <t>杉山  博昭</t>
  </si>
  <si>
    <t>鈴木　政信</t>
  </si>
  <si>
    <t>中野　博夫</t>
  </si>
  <si>
    <t>山田　修司</t>
  </si>
  <si>
    <t>山下忠司</t>
  </si>
  <si>
    <t>佐藤　健一郎</t>
  </si>
  <si>
    <t>今村　雅彦</t>
  </si>
  <si>
    <t>久島　昌平</t>
  </si>
  <si>
    <t>田邊　将義</t>
  </si>
  <si>
    <t>渡来  秀隆</t>
  </si>
  <si>
    <t>中川　洋一</t>
  </si>
  <si>
    <t>浅野  倉栄</t>
  </si>
  <si>
    <t>伊奈　英次</t>
  </si>
  <si>
    <t>藤本　英実</t>
  </si>
  <si>
    <t>坂本　　歩</t>
  </si>
  <si>
    <t>大西　洋英</t>
  </si>
  <si>
    <t>山川　美喜子</t>
  </si>
  <si>
    <t>福谷　美佐子</t>
  </si>
  <si>
    <t>坂井　直樹</t>
  </si>
  <si>
    <t>君嶋  眞理子</t>
  </si>
  <si>
    <t>君嶋　博明</t>
  </si>
  <si>
    <t>寺内　章一郎</t>
  </si>
  <si>
    <t>水田　秀子</t>
  </si>
  <si>
    <t>橋本　卓雄</t>
  </si>
  <si>
    <t>鈴木　宏昌</t>
  </si>
  <si>
    <t>新木　一弘</t>
  </si>
  <si>
    <t>植田 威</t>
  </si>
  <si>
    <t>福島 元彦</t>
  </si>
  <si>
    <t>横川  秀男</t>
  </si>
  <si>
    <t>内藤　実</t>
  </si>
  <si>
    <t>会長　新納　憲司</t>
  </si>
  <si>
    <t>杉山  勝巳</t>
  </si>
  <si>
    <t>代表執行役員社長兼最高経営責任者　イヴァン　エスピノーザ</t>
  </si>
  <si>
    <t>佐藤　尚治</t>
  </si>
  <si>
    <t>中村　哲也</t>
  </si>
  <si>
    <t>木川　泰宏</t>
  </si>
  <si>
    <t>木川泰宏</t>
  </si>
  <si>
    <t>深堀  雄一郎</t>
  </si>
  <si>
    <t>深堀　和子</t>
  </si>
  <si>
    <t>石田　善敬</t>
  </si>
  <si>
    <t>恩田　正和</t>
  </si>
  <si>
    <t>及川 初彦</t>
  </si>
  <si>
    <t>理事長　黒川 剛志</t>
  </si>
  <si>
    <t>米山　　実</t>
  </si>
  <si>
    <t>明石　勝也</t>
  </si>
  <si>
    <t>穴澤　貞夫</t>
  </si>
  <si>
    <t>加藤　信夫</t>
  </si>
  <si>
    <t>奥田　経男</t>
  </si>
  <si>
    <t>奥田  経男</t>
  </si>
  <si>
    <t>橋本　幸</t>
  </si>
  <si>
    <t>理事長  木内　哲也</t>
  </si>
  <si>
    <t>石代　欣一郎</t>
  </si>
  <si>
    <t>大屋敷  芙志枝</t>
  </si>
  <si>
    <t>寺島  純子</t>
  </si>
  <si>
    <t>植田　　威</t>
  </si>
  <si>
    <t>鈴木  之一</t>
  </si>
  <si>
    <t>鈴木　之一</t>
  </si>
  <si>
    <t>笹倉　淳子</t>
  </si>
  <si>
    <t>中村芳明</t>
  </si>
  <si>
    <t>川瀬　俊夫</t>
  </si>
  <si>
    <t>細田　俊哉</t>
  </si>
  <si>
    <t>竹内  圭介</t>
  </si>
  <si>
    <t>中野　裕子</t>
  </si>
  <si>
    <t>大田　裕多佳</t>
  </si>
  <si>
    <t>新堀　寛己</t>
  </si>
  <si>
    <t>川口　賀久</t>
  </si>
  <si>
    <t>髙倉　織江</t>
  </si>
  <si>
    <t>﨑村  俊裕</t>
  </si>
  <si>
    <t>﨑村　俊裕</t>
  </si>
  <si>
    <t>小澤　顯一</t>
  </si>
  <si>
    <t>丹下　純子</t>
  </si>
  <si>
    <t>長谷川　隆三</t>
  </si>
  <si>
    <t>横田　俊一郎</t>
  </si>
  <si>
    <t>会長  渡邊　清治</t>
  </si>
  <si>
    <t>今田　敏夫</t>
  </si>
  <si>
    <t>大川　信一</t>
  </si>
  <si>
    <t>梅原　昇子</t>
  </si>
  <si>
    <t>梅原　正美</t>
  </si>
  <si>
    <t>鈴木  聖奈</t>
  </si>
  <si>
    <t>五十嵐　一美</t>
  </si>
  <si>
    <t>霜尾　克彦</t>
  </si>
  <si>
    <t>窪田　正仁</t>
  </si>
  <si>
    <t>井芹　　隆浩</t>
  </si>
  <si>
    <t>井芹　伸浩</t>
  </si>
  <si>
    <t>山田　アリ</t>
  </si>
  <si>
    <t>島﨑　雄将</t>
  </si>
  <si>
    <t>エンドウキャサリン</t>
  </si>
  <si>
    <t>トーマス・ジャネット・ケイ</t>
  </si>
  <si>
    <t>ナリンシイ・アドバニ</t>
  </si>
  <si>
    <t>馮　彦國</t>
  </si>
  <si>
    <t>羅　鴻健</t>
  </si>
  <si>
    <t>張　岩松</t>
  </si>
  <si>
    <t>曽　　徳深</t>
  </si>
  <si>
    <t>クナーブ・トルステン・マルコ</t>
  </si>
  <si>
    <t>米谷　まどか</t>
    <phoneticPr fontId="1"/>
  </si>
  <si>
    <t>木島　美佐江</t>
    <rPh sb="0" eb="2">
      <t>キジマ</t>
    </rPh>
    <rPh sb="3" eb="6">
      <t>ミサエ</t>
    </rPh>
    <phoneticPr fontId="1"/>
  </si>
  <si>
    <t>山井　孝子</t>
    <phoneticPr fontId="1"/>
  </si>
  <si>
    <t>代表役員  平田　一吉</t>
    <phoneticPr fontId="1"/>
  </si>
  <si>
    <t>045-622-7076</t>
    <phoneticPr fontId="1"/>
  </si>
  <si>
    <t>杉　正純</t>
    <phoneticPr fontId="1"/>
  </si>
  <si>
    <t>熊猫（パンダ）幼稚園</t>
    <rPh sb="0" eb="1">
      <t>クマ</t>
    </rPh>
    <rPh sb="1" eb="2">
      <t>ネコ</t>
    </rPh>
    <rPh sb="7" eb="10">
      <t>ヨウチエン</t>
    </rPh>
    <phoneticPr fontId="1"/>
  </si>
  <si>
    <t>松井　昌子</t>
    <rPh sb="0" eb="1">
      <t>マツ</t>
    </rPh>
    <rPh sb="3" eb="5">
      <t>マサコ</t>
    </rPh>
    <phoneticPr fontId="1"/>
  </si>
  <si>
    <t>久冨　多賀子</t>
    <rPh sb="1" eb="2">
      <t>トミ</t>
    </rPh>
    <phoneticPr fontId="1"/>
  </si>
  <si>
    <t>石川　智一</t>
    <phoneticPr fontId="1"/>
  </si>
  <si>
    <t>(学)江南学園</t>
    <phoneticPr fontId="1"/>
  </si>
  <si>
    <t>(学)みらい創造の杜学園</t>
    <phoneticPr fontId="1"/>
  </si>
  <si>
    <t>中山　貴美子</t>
    <phoneticPr fontId="1"/>
  </si>
  <si>
    <t>本橋　正光</t>
    <phoneticPr fontId="1"/>
  </si>
  <si>
    <t>阪間　猛</t>
    <rPh sb="0" eb="1">
      <t>ハン</t>
    </rPh>
    <rPh sb="1" eb="2">
      <t>マ</t>
    </rPh>
    <rPh sb="3" eb="4">
      <t>タケシ</t>
    </rPh>
    <phoneticPr fontId="1"/>
  </si>
  <si>
    <t>横山　隆太</t>
    <phoneticPr fontId="1"/>
  </si>
  <si>
    <t>相澤  謙太郎</t>
    <phoneticPr fontId="1"/>
  </si>
  <si>
    <t>酒井　ひとみ</t>
    <rPh sb="0" eb="2">
      <t>サカイ</t>
    </rPh>
    <phoneticPr fontId="1"/>
  </si>
  <si>
    <t>酒井　剛志</t>
    <rPh sb="0" eb="2">
      <t>サカイ</t>
    </rPh>
    <rPh sb="3" eb="4">
      <t>ツヨシ</t>
    </rPh>
    <phoneticPr fontId="1"/>
  </si>
  <si>
    <t>深山　あい</t>
    <phoneticPr fontId="1"/>
  </si>
  <si>
    <t>千葉　直樹</t>
    <phoneticPr fontId="1"/>
  </si>
  <si>
    <t>佐々木　かおり</t>
    <phoneticPr fontId="1"/>
  </si>
  <si>
    <t>(学)野末學園</t>
    <rPh sb="5" eb="6">
      <t>ガク</t>
    </rPh>
    <phoneticPr fontId="1"/>
  </si>
  <si>
    <t>(学)長津田学園</t>
    <phoneticPr fontId="1"/>
  </si>
  <si>
    <t>横内　博子</t>
    <rPh sb="0" eb="2">
      <t>ヨコウチ</t>
    </rPh>
    <rPh sb="3" eb="5">
      <t>ヒロコ</t>
    </rPh>
    <phoneticPr fontId="1"/>
  </si>
  <si>
    <t>(学)藤陽学園</t>
    <phoneticPr fontId="1"/>
  </si>
  <si>
    <t>加藤　淳生</t>
    <phoneticPr fontId="1"/>
  </si>
  <si>
    <t>丸谷　錠司</t>
    <phoneticPr fontId="1"/>
  </si>
  <si>
    <t>市ケ尾幼稚園</t>
    <rPh sb="0" eb="3">
      <t>イチガオ</t>
    </rPh>
    <phoneticPr fontId="1"/>
  </si>
  <si>
    <t>横浜市青葉区市ケ尾町2182</t>
    <rPh sb="6" eb="9">
      <t>イチガオ</t>
    </rPh>
    <phoneticPr fontId="1"/>
  </si>
  <si>
    <t>佐藤　鉄兵</t>
    <phoneticPr fontId="1"/>
  </si>
  <si>
    <t>田中　淳一朗</t>
    <rPh sb="0" eb="2">
      <t>タナカ</t>
    </rPh>
    <rPh sb="3" eb="4">
      <t>ジュン</t>
    </rPh>
    <rPh sb="5" eb="6">
      <t>ロウ</t>
    </rPh>
    <phoneticPr fontId="1"/>
  </si>
  <si>
    <t>永瀬　真澄</t>
    <phoneticPr fontId="1"/>
  </si>
  <si>
    <t>瀬野  進</t>
    <rPh sb="4" eb="5">
      <t>ススム</t>
    </rPh>
    <phoneticPr fontId="1"/>
  </si>
  <si>
    <t>前田  かすみ</t>
    <phoneticPr fontId="1"/>
  </si>
  <si>
    <t>猿田　弘子</t>
    <phoneticPr fontId="1"/>
  </si>
  <si>
    <t>佐藤　さやか</t>
    <phoneticPr fontId="1"/>
  </si>
  <si>
    <t>佐竹　拓平</t>
    <phoneticPr fontId="1"/>
  </si>
  <si>
    <t>仁藤  一成</t>
    <phoneticPr fontId="1"/>
  </si>
  <si>
    <t>森  　大悟</t>
    <rPh sb="4" eb="6">
      <t>ダイゴ</t>
    </rPh>
    <phoneticPr fontId="1"/>
  </si>
  <si>
    <t>森　　大悟</t>
    <rPh sb="0" eb="1">
      <t>モリ</t>
    </rPh>
    <rPh sb="3" eb="5">
      <t>ダイゴ</t>
    </rPh>
    <phoneticPr fontId="1"/>
  </si>
  <si>
    <t>中村　妙子</t>
    <phoneticPr fontId="1"/>
  </si>
  <si>
    <t>稲﨑　寛子</t>
    <rPh sb="0" eb="1">
      <t>イネ</t>
    </rPh>
    <rPh sb="1" eb="2">
      <t>サキ</t>
    </rPh>
    <rPh sb="3" eb="5">
      <t>ヒロコ</t>
    </rPh>
    <phoneticPr fontId="1"/>
  </si>
  <si>
    <t>引間　伸子</t>
    <phoneticPr fontId="1"/>
  </si>
  <si>
    <t>武田　陽子</t>
    <phoneticPr fontId="1"/>
  </si>
  <si>
    <t>佐藤　和子</t>
    <rPh sb="3" eb="5">
      <t>カズコ</t>
    </rPh>
    <phoneticPr fontId="1"/>
  </si>
  <si>
    <t>大木　孝夫</t>
    <phoneticPr fontId="1"/>
  </si>
  <si>
    <t>吉村　充代</t>
    <phoneticPr fontId="1"/>
  </si>
  <si>
    <t>川崎  幸太</t>
    <phoneticPr fontId="1"/>
  </si>
  <si>
    <t>川崎  幸太</t>
    <rPh sb="4" eb="5">
      <t>シアワ</t>
    </rPh>
    <rPh sb="5" eb="6">
      <t>タ</t>
    </rPh>
    <phoneticPr fontId="1"/>
  </si>
  <si>
    <t>森田　裕明</t>
    <rPh sb="0" eb="2">
      <t>モリタ</t>
    </rPh>
    <rPh sb="3" eb="4">
      <t>ユウ</t>
    </rPh>
    <rPh sb="4" eb="5">
      <t>ア</t>
    </rPh>
    <phoneticPr fontId="1"/>
  </si>
  <si>
    <t>認定こども園久里浜幼稚園</t>
    <phoneticPr fontId="1"/>
  </si>
  <si>
    <t>平間　俊大</t>
    <phoneticPr fontId="1"/>
  </si>
  <si>
    <t>田中　希</t>
    <phoneticPr fontId="1"/>
  </si>
  <si>
    <t>三田村　州子</t>
    <rPh sb="0" eb="3">
      <t>ミタムラ</t>
    </rPh>
    <rPh sb="4" eb="5">
      <t>シュウ</t>
    </rPh>
    <rPh sb="5" eb="6">
      <t>コ</t>
    </rPh>
    <phoneticPr fontId="1"/>
  </si>
  <si>
    <t>幼稚園型認定こども園大神美里幼稚園</t>
    <phoneticPr fontId="1"/>
  </si>
  <si>
    <t>白子　友美</t>
    <phoneticPr fontId="1"/>
  </si>
  <si>
    <t>泉水　裕光</t>
    <phoneticPr fontId="1"/>
  </si>
  <si>
    <t>認定こども園さなだ幼稚園</t>
    <rPh sb="0" eb="2">
      <t>ニンテイ</t>
    </rPh>
    <rPh sb="5" eb="6">
      <t>エン</t>
    </rPh>
    <phoneticPr fontId="1"/>
  </si>
  <si>
    <t>礒部　久仁子</t>
    <phoneticPr fontId="1"/>
  </si>
  <si>
    <t>原田　ルイスミゲル</t>
    <phoneticPr fontId="1"/>
  </si>
  <si>
    <t>認定こども園秋葉台幼稚園</t>
    <phoneticPr fontId="1"/>
  </si>
  <si>
    <t>小林  三枝子</t>
    <phoneticPr fontId="1"/>
  </si>
  <si>
    <t>認定こども園こばやし幼稚園</t>
    <phoneticPr fontId="1"/>
  </si>
  <si>
    <t>中川　貴義</t>
    <phoneticPr fontId="1"/>
  </si>
  <si>
    <t>曽我　よしみ</t>
    <phoneticPr fontId="1"/>
  </si>
  <si>
    <t>星野　薫</t>
    <phoneticPr fontId="1"/>
  </si>
  <si>
    <t>浅田　奈歩</t>
    <phoneticPr fontId="1"/>
  </si>
  <si>
    <t>秋間　文子</t>
    <phoneticPr fontId="1"/>
  </si>
  <si>
    <t>〒243-0218</t>
    <phoneticPr fontId="1"/>
  </si>
  <si>
    <t>厚木市飯山南4丁目11番1</t>
    <phoneticPr fontId="1"/>
  </si>
  <si>
    <t>大谷　京司</t>
    <phoneticPr fontId="1"/>
  </si>
  <si>
    <t>小倉　賢人</t>
    <phoneticPr fontId="1"/>
  </si>
  <si>
    <t>中西　摩耶子</t>
    <phoneticPr fontId="1"/>
  </si>
  <si>
    <t>本良　計画</t>
    <phoneticPr fontId="1"/>
  </si>
  <si>
    <t>米山　 恵</t>
    <rPh sb="4" eb="5">
      <t>メグミ</t>
    </rPh>
    <phoneticPr fontId="1"/>
  </si>
  <si>
    <t>柳瀬　暁美</t>
    <phoneticPr fontId="1"/>
  </si>
  <si>
    <t>小河　由美子</t>
    <phoneticPr fontId="1"/>
  </si>
  <si>
    <t>三浦郡葉山町堀内1968-23</t>
    <phoneticPr fontId="1"/>
  </si>
  <si>
    <t>海老名市浜田町23-25</t>
    <phoneticPr fontId="1"/>
  </si>
  <si>
    <t>平澤　晃</t>
    <phoneticPr fontId="1"/>
  </si>
  <si>
    <t>大塚　英彦</t>
    <phoneticPr fontId="1"/>
  </si>
  <si>
    <t>横浜医療秘書＆IT専門学校</t>
    <rPh sb="0" eb="2">
      <t>ヨコハマ</t>
    </rPh>
    <rPh sb="2" eb="4">
      <t>イリョウ</t>
    </rPh>
    <rPh sb="4" eb="6">
      <t>ヒショ</t>
    </rPh>
    <rPh sb="9" eb="11">
      <t>センモン</t>
    </rPh>
    <rPh sb="11" eb="13">
      <t>ガッコウ</t>
    </rPh>
    <phoneticPr fontId="1"/>
  </si>
  <si>
    <t>根本　学</t>
    <phoneticPr fontId="1"/>
  </si>
  <si>
    <t>吉沢　和也</t>
    <phoneticPr fontId="1"/>
  </si>
  <si>
    <t>石川　裕子</t>
    <phoneticPr fontId="1"/>
  </si>
  <si>
    <t>〒231-0033</t>
    <phoneticPr fontId="1"/>
  </si>
  <si>
    <t>中安　ゆかり</t>
    <rPh sb="0" eb="2">
      <t>ナカヤス</t>
    </rPh>
    <phoneticPr fontId="1"/>
  </si>
  <si>
    <t>薛　偉軒</t>
    <phoneticPr fontId="1"/>
  </si>
  <si>
    <t>清水　泰子</t>
    <phoneticPr fontId="1"/>
  </si>
  <si>
    <t>浅田　桂</t>
    <phoneticPr fontId="1"/>
  </si>
  <si>
    <t>相模原ビジネス専門学校</t>
    <rPh sb="7" eb="9">
      <t>センモン</t>
    </rPh>
    <phoneticPr fontId="1"/>
  </si>
  <si>
    <t>柏木　正成</t>
    <phoneticPr fontId="1"/>
  </si>
  <si>
    <t>彭　秀哲</t>
    <phoneticPr fontId="1"/>
  </si>
  <si>
    <t>カーラ・マーシャル</t>
    <phoneticPr fontId="1"/>
  </si>
  <si>
    <t>アリス日本語学校横浜校</t>
    <rPh sb="3" eb="6">
      <t>ニホンゴ</t>
    </rPh>
    <rPh sb="8" eb="10">
      <t>ヨコハマ</t>
    </rPh>
    <rPh sb="10" eb="11">
      <t>コウ</t>
    </rPh>
    <phoneticPr fontId="1"/>
  </si>
  <si>
    <t>〒231-0636</t>
    <phoneticPr fontId="1"/>
  </si>
  <si>
    <t>横浜市中区根岸町３-176-２</t>
    <rPh sb="0" eb="2">
      <t>ヨコハマ</t>
    </rPh>
    <rPh sb="3" eb="5">
      <t>ナカク</t>
    </rPh>
    <rPh sb="5" eb="7">
      <t>ネギシ</t>
    </rPh>
    <rPh sb="7" eb="8">
      <t>マチ</t>
    </rPh>
    <phoneticPr fontId="1"/>
  </si>
  <si>
    <t>045-232-4330</t>
    <phoneticPr fontId="1"/>
  </si>
  <si>
    <t>(学)アリス国際学園</t>
    <rPh sb="6" eb="8">
      <t>コクサイ</t>
    </rPh>
    <rPh sb="8" eb="10">
      <t>ガクエン</t>
    </rPh>
    <phoneticPr fontId="1"/>
  </si>
  <si>
    <t>竹澤　敦子</t>
    <phoneticPr fontId="1"/>
  </si>
  <si>
    <t>八尾　勝</t>
    <phoneticPr fontId="1"/>
  </si>
  <si>
    <t>湘南芽吹高等専修学校</t>
    <phoneticPr fontId="1"/>
  </si>
  <si>
    <t>横須賀市三春町４丁目63-8</t>
    <rPh sb="0" eb="4">
      <t>ヨコスカシ</t>
    </rPh>
    <phoneticPr fontId="1"/>
  </si>
  <si>
    <t>046-874-6403</t>
    <phoneticPr fontId="1"/>
  </si>
  <si>
    <t>(学)科学技術学園</t>
    <phoneticPr fontId="1"/>
  </si>
  <si>
    <t>松田　敏博</t>
    <phoneticPr fontId="1"/>
  </si>
  <si>
    <t>杉下　俊雄</t>
    <phoneticPr fontId="1"/>
  </si>
  <si>
    <t>竹見　国雄</t>
    <rPh sb="0" eb="2">
      <t>タケミ</t>
    </rPh>
    <rPh sb="3" eb="5">
      <t>クニオ</t>
    </rPh>
    <phoneticPr fontId="1"/>
  </si>
  <si>
    <t>姜　煕哲</t>
    <phoneticPr fontId="1"/>
  </si>
  <si>
    <t>松坂　世施富</t>
    <rPh sb="0" eb="2">
      <t>マツザカ</t>
    </rPh>
    <rPh sb="3" eb="4">
      <t>ヨ</t>
    </rPh>
    <rPh sb="4" eb="5">
      <t>シ</t>
    </rPh>
    <rPh sb="5" eb="6">
      <t>トミ</t>
    </rPh>
    <phoneticPr fontId="1"/>
  </si>
  <si>
    <t>大西　亜季</t>
    <phoneticPr fontId="1"/>
  </si>
  <si>
    <t>馬場　淳</t>
    <rPh sb="3" eb="4">
      <t>ジュン</t>
    </rPh>
    <phoneticPr fontId="1"/>
  </si>
  <si>
    <t>小勝　亜希子</t>
    <rPh sb="0" eb="2">
      <t>コカツ</t>
    </rPh>
    <rPh sb="3" eb="6">
      <t>アキコ</t>
    </rPh>
    <phoneticPr fontId="1"/>
  </si>
  <si>
    <t>橘　明子</t>
    <rPh sb="0" eb="1">
      <t>タチバナ</t>
    </rPh>
    <rPh sb="2" eb="4">
      <t>アキコ</t>
    </rPh>
    <phoneticPr fontId="1"/>
  </si>
  <si>
    <t>大谷　京司</t>
    <rPh sb="0" eb="2">
      <t>オオタニ</t>
    </rPh>
    <rPh sb="3" eb="4">
      <t>キョウ</t>
    </rPh>
    <rPh sb="4" eb="5">
      <t>ツカサ</t>
    </rPh>
    <phoneticPr fontId="1"/>
  </si>
  <si>
    <t>久喜　友子</t>
    <rPh sb="0" eb="2">
      <t>クキ</t>
    </rPh>
    <rPh sb="3" eb="5">
      <t>トモコ</t>
    </rPh>
    <phoneticPr fontId="1"/>
  </si>
  <si>
    <t>戸井田　和彦</t>
    <phoneticPr fontId="1"/>
  </si>
  <si>
    <t>松尾　勲</t>
    <rPh sb="0" eb="2">
      <t>マツオ</t>
    </rPh>
    <rPh sb="3" eb="4">
      <t>イサオ</t>
    </rPh>
    <phoneticPr fontId="1"/>
  </si>
  <si>
    <t>桐谷　次郎</t>
    <rPh sb="0" eb="2">
      <t>キリタニ</t>
    </rPh>
    <rPh sb="3" eb="5">
      <t>ジロウ</t>
    </rPh>
    <phoneticPr fontId="1"/>
  </si>
  <si>
    <t>小暮　修也</t>
    <rPh sb="0" eb="2">
      <t>コグレ</t>
    </rPh>
    <rPh sb="3" eb="5">
      <t>シュウヤ</t>
    </rPh>
    <phoneticPr fontId="1"/>
  </si>
  <si>
    <t>細田　孝充</t>
    <phoneticPr fontId="1"/>
  </si>
  <si>
    <t>伊藤　多香子</t>
    <phoneticPr fontId="1"/>
  </si>
  <si>
    <t>加藤　優子</t>
    <phoneticPr fontId="1"/>
  </si>
  <si>
    <t>小泉　正也</t>
    <rPh sb="0" eb="2">
      <t>コイズミ</t>
    </rPh>
    <rPh sb="3" eb="5">
      <t>マサヤ</t>
    </rPh>
    <phoneticPr fontId="1"/>
  </si>
  <si>
    <t>吉村　忠昭</t>
    <rPh sb="0" eb="2">
      <t>ヨシムラ</t>
    </rPh>
    <rPh sb="3" eb="5">
      <t>タダアキ</t>
    </rPh>
    <phoneticPr fontId="1"/>
  </si>
  <si>
    <t>鎌倉国際文理中学校</t>
    <rPh sb="0" eb="2">
      <t>カマクラ</t>
    </rPh>
    <rPh sb="2" eb="4">
      <t>コクサイ</t>
    </rPh>
    <rPh sb="4" eb="6">
      <t>ブンリ</t>
    </rPh>
    <rPh sb="6" eb="9">
      <t>チュウガッコウ</t>
    </rPh>
    <phoneticPr fontId="1"/>
  </si>
  <si>
    <t>漆間　浩一</t>
    <rPh sb="0" eb="2">
      <t>ウルマ</t>
    </rPh>
    <rPh sb="3" eb="5">
      <t>コウイチ</t>
    </rPh>
    <phoneticPr fontId="1"/>
  </si>
  <si>
    <t>吉川　謙太郎</t>
    <phoneticPr fontId="1"/>
  </si>
  <si>
    <t>横浜きりん学園</t>
    <phoneticPr fontId="1"/>
  </si>
  <si>
    <t>横浜市栄区庄戸３丁目1-1</t>
    <rPh sb="3" eb="4">
      <t>サカエ</t>
    </rPh>
    <phoneticPr fontId="1"/>
  </si>
  <si>
    <t>045-410-7757</t>
  </si>
  <si>
    <t>(学)森学園</t>
    <rPh sb="3" eb="4">
      <t>モリ</t>
    </rPh>
    <phoneticPr fontId="3"/>
  </si>
  <si>
    <t>森　美佐子</t>
    <rPh sb="0" eb="1">
      <t>モリ</t>
    </rPh>
    <rPh sb="2" eb="5">
      <t>ミサコ</t>
    </rPh>
    <phoneticPr fontId="3"/>
  </si>
  <si>
    <t>水落　伸二</t>
    <rPh sb="0" eb="2">
      <t>ミズオチ</t>
    </rPh>
    <rPh sb="3" eb="5">
      <t>シンジ</t>
    </rPh>
    <phoneticPr fontId="1"/>
  </si>
  <si>
    <t>増渕　智</t>
    <phoneticPr fontId="1"/>
  </si>
  <si>
    <t>川名　稔</t>
    <rPh sb="0" eb="2">
      <t>カワナ</t>
    </rPh>
    <rPh sb="3" eb="4">
      <t>ミノル</t>
    </rPh>
    <phoneticPr fontId="1"/>
  </si>
  <si>
    <t>柳下　修</t>
    <rPh sb="0" eb="2">
      <t>ヤナギシタ</t>
    </rPh>
    <rPh sb="3" eb="4">
      <t>オサム</t>
    </rPh>
    <phoneticPr fontId="1"/>
  </si>
  <si>
    <t>鎌倉国際文理高等学校</t>
    <rPh sb="0" eb="2">
      <t>カマクラ</t>
    </rPh>
    <rPh sb="2" eb="4">
      <t>コクサイ</t>
    </rPh>
    <rPh sb="4" eb="6">
      <t>ブンリ</t>
    </rPh>
    <rPh sb="6" eb="8">
      <t>コウトウ</t>
    </rPh>
    <rPh sb="8" eb="10">
      <t>ガッコウ</t>
    </rPh>
    <phoneticPr fontId="1"/>
  </si>
  <si>
    <t>小澤　善彦</t>
    <rPh sb="3" eb="5">
      <t>ヨシヒコ</t>
    </rPh>
    <phoneticPr fontId="1"/>
  </si>
  <si>
    <t>〒247-0022</t>
    <phoneticPr fontId="1"/>
  </si>
  <si>
    <t>(代行)市川　詩穂</t>
    <phoneticPr fontId="1"/>
  </si>
  <si>
    <t>角和　麻衣子</t>
    <phoneticPr fontId="1"/>
  </si>
  <si>
    <t>杉本  　永光</t>
    <phoneticPr fontId="1"/>
  </si>
  <si>
    <t>045-442-6322</t>
    <phoneticPr fontId="1"/>
  </si>
  <si>
    <t>岩澤  明信</t>
    <phoneticPr fontId="1"/>
  </si>
  <si>
    <t>松本　雄一郎</t>
    <phoneticPr fontId="1"/>
  </si>
  <si>
    <t>竹折 貴子</t>
    <phoneticPr fontId="1"/>
  </si>
  <si>
    <t>原田　憲子</t>
    <phoneticPr fontId="1"/>
  </si>
  <si>
    <t>平野  奨梧</t>
    <phoneticPr fontId="1"/>
  </si>
  <si>
    <t>丸瀬　正</t>
    <phoneticPr fontId="1"/>
  </si>
  <si>
    <t>杉田  雅美</t>
    <phoneticPr fontId="1"/>
  </si>
  <si>
    <t>原　道子</t>
    <phoneticPr fontId="1"/>
  </si>
  <si>
    <t>公益社団法人藤沢市医師会　湘南看護専門学校</t>
    <rPh sb="0" eb="2">
      <t>コウエキ</t>
    </rPh>
    <rPh sb="2" eb="4">
      <t>シャダン</t>
    </rPh>
    <rPh sb="4" eb="6">
      <t>ホウジン</t>
    </rPh>
    <rPh sb="6" eb="8">
      <t>フジサワ</t>
    </rPh>
    <rPh sb="8" eb="9">
      <t>シ</t>
    </rPh>
    <rPh sb="9" eb="12">
      <t>イシカイ</t>
    </rPh>
    <rPh sb="13" eb="15">
      <t>ショウナン</t>
    </rPh>
    <rPh sb="15" eb="17">
      <t>カンゴ</t>
    </rPh>
    <phoneticPr fontId="1"/>
  </si>
  <si>
    <t>専門/一般</t>
    <phoneticPr fontId="1"/>
  </si>
  <si>
    <t>青木  敏行</t>
    <phoneticPr fontId="1"/>
  </si>
  <si>
    <t>渡辺  竹伸</t>
    <phoneticPr fontId="1"/>
  </si>
  <si>
    <t>松尾　澄男</t>
    <phoneticPr fontId="1"/>
  </si>
  <si>
    <t>H4213</t>
    <phoneticPr fontId="1"/>
  </si>
  <si>
    <t>(代行)黒滝  紀明</t>
    <rPh sb="1" eb="3">
      <t>ダイコウ</t>
    </rPh>
    <rPh sb="8" eb="10">
      <t>ノリアキ</t>
    </rPh>
    <phoneticPr fontId="5"/>
  </si>
  <si>
    <t>(代行)田淵　勇治</t>
    <rPh sb="1" eb="3">
      <t>ダイコウ</t>
    </rPh>
    <phoneticPr fontId="5"/>
  </si>
  <si>
    <t>亀德　忠正</t>
    <rPh sb="4" eb="5">
      <t>タダシ</t>
    </rPh>
    <phoneticPr fontId="1"/>
  </si>
  <si>
    <t>神奈川歯科大学系属緑ヶ丘女子中学校</t>
    <rPh sb="0" eb="3">
      <t>カナガワ</t>
    </rPh>
    <rPh sb="3" eb="5">
      <t>シカ</t>
    </rPh>
    <rPh sb="5" eb="7">
      <t>ダイガク</t>
    </rPh>
    <rPh sb="7" eb="9">
      <t>ケイゾク</t>
    </rPh>
    <phoneticPr fontId="1"/>
  </si>
  <si>
    <t>普/総合ビジネス</t>
    <rPh sb="2" eb="4">
      <t>ソウゴウ</t>
    </rPh>
    <phoneticPr fontId="1"/>
  </si>
  <si>
    <t>神奈川歯科大学系属緑ヶ丘女子高等学校</t>
    <rPh sb="0" eb="3">
      <t>カナガワ</t>
    </rPh>
    <rPh sb="3" eb="5">
      <t>シカ</t>
    </rPh>
    <rPh sb="5" eb="7">
      <t>ダイガク</t>
    </rPh>
    <rPh sb="7" eb="9">
      <t>ケイゾク</t>
    </rPh>
    <rPh sb="9" eb="12">
      <t>ミドリガオカ</t>
    </rPh>
    <phoneticPr fontId="1"/>
  </si>
  <si>
    <t>横浜保育教育専門学校</t>
    <rPh sb="4" eb="6">
      <t>キョウイ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color theme="1"/>
      <name val="游ゴシック"/>
      <family val="2"/>
      <scheme val="minor"/>
    </font>
    <font>
      <sz val="11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6"/>
      <name val="ＭＳ 明朝"/>
      <family val="2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0.5"/>
      <name val="游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rgb="FFD0D7E5"/>
      </bottom>
      <diagonal/>
    </border>
    <border>
      <left style="thin">
        <color rgb="FFD0D7E5"/>
      </left>
      <right style="thin">
        <color rgb="FFD0D7E5"/>
      </right>
      <top/>
      <bottom style="thin">
        <color rgb="FFD0D7E5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rgb="FFD0D7E5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</borders>
  <cellStyleXfs count="2">
    <xf numFmtId="0" fontId="0" fillId="0" borderId="0">
      <alignment vertical="center"/>
    </xf>
    <xf numFmtId="0" fontId="2" fillId="0" borderId="0"/>
  </cellStyleXfs>
  <cellXfs count="53">
    <xf numFmtId="0" fontId="0" fillId="0" borderId="0" xfId="0">
      <alignment vertical="center"/>
    </xf>
    <xf numFmtId="0" fontId="3" fillId="0" borderId="2" xfId="0" applyFont="1" applyFill="1" applyBorder="1" applyAlignment="1">
      <alignment vertical="center" wrapText="1"/>
    </xf>
    <xf numFmtId="0" fontId="3" fillId="0" borderId="4" xfId="0" applyFont="1" applyFill="1" applyBorder="1" applyAlignment="1">
      <alignment vertical="center" wrapText="1"/>
    </xf>
    <xf numFmtId="0" fontId="3" fillId="0" borderId="3" xfId="0" applyFont="1" applyFill="1" applyBorder="1" applyAlignment="1">
      <alignment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3" fillId="0" borderId="2" xfId="0" applyFont="1" applyBorder="1" applyAlignment="1">
      <alignment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vertical="center" wrapText="1"/>
    </xf>
    <xf numFmtId="0" fontId="3" fillId="0" borderId="3" xfId="0" applyFont="1" applyBorder="1" applyAlignment="1">
      <alignment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vertical="center" wrapText="1"/>
    </xf>
    <xf numFmtId="0" fontId="3" fillId="0" borderId="12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6" fillId="0" borderId="2" xfId="0" applyFont="1" applyBorder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3" xfId="0" applyFont="1" applyBorder="1" applyAlignment="1">
      <alignment vertical="center" wrapText="1"/>
    </xf>
    <xf numFmtId="0" fontId="6" fillId="0" borderId="4" xfId="0" applyFont="1" applyBorder="1" applyAlignment="1">
      <alignment vertical="center" wrapText="1"/>
    </xf>
    <xf numFmtId="0" fontId="6" fillId="0" borderId="5" xfId="1" applyFont="1" applyBorder="1" applyAlignment="1">
      <alignment vertical="center" wrapText="1"/>
    </xf>
    <xf numFmtId="0" fontId="6" fillId="0" borderId="2" xfId="0" applyFont="1" applyBorder="1" applyAlignment="1">
      <alignment horizontal="justify" vertical="center"/>
    </xf>
    <xf numFmtId="0" fontId="6" fillId="0" borderId="10" xfId="0" applyFont="1" applyBorder="1" applyAlignment="1">
      <alignment horizontal="center" vertical="center" wrapText="1"/>
    </xf>
    <xf numFmtId="0" fontId="6" fillId="0" borderId="6" xfId="1" applyFont="1" applyBorder="1" applyAlignment="1">
      <alignment vertical="center" wrapText="1"/>
    </xf>
    <xf numFmtId="0" fontId="7" fillId="0" borderId="6" xfId="1" applyFont="1" applyBorder="1" applyAlignment="1">
      <alignment vertical="center" wrapText="1"/>
    </xf>
    <xf numFmtId="0" fontId="6" fillId="0" borderId="4" xfId="0" applyFont="1" applyBorder="1" applyAlignment="1">
      <alignment horizontal="justify" vertical="center"/>
    </xf>
    <xf numFmtId="0" fontId="8" fillId="0" borderId="4" xfId="0" applyFont="1" applyBorder="1" applyAlignment="1">
      <alignment horizontal="justify" vertical="center"/>
    </xf>
    <xf numFmtId="0" fontId="6" fillId="0" borderId="11" xfId="0" applyFont="1" applyBorder="1" applyAlignment="1">
      <alignment horizontal="justify" vertical="center"/>
    </xf>
    <xf numFmtId="0" fontId="6" fillId="0" borderId="0" xfId="0" applyFont="1" applyAlignment="1">
      <alignment horizontal="justify" vertical="center"/>
    </xf>
    <xf numFmtId="0" fontId="6" fillId="0" borderId="8" xfId="0" applyFont="1" applyBorder="1" applyAlignment="1">
      <alignment vertical="center" wrapText="1"/>
    </xf>
    <xf numFmtId="0" fontId="6" fillId="0" borderId="0" xfId="0" applyFont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12" xfId="0" applyFont="1" applyFill="1" applyBorder="1" applyAlignment="1">
      <alignment horizontal="center" vertical="center" wrapText="1"/>
    </xf>
    <xf numFmtId="0" fontId="6" fillId="0" borderId="1" xfId="0" applyFont="1" applyFill="1" applyBorder="1" applyAlignment="1">
      <alignment horizontal="center" vertical="center" wrapText="1"/>
    </xf>
    <xf numFmtId="0" fontId="6" fillId="0" borderId="0" xfId="0" applyFont="1" applyFill="1" applyAlignment="1">
      <alignment horizontal="center" vertical="center" wrapText="1"/>
    </xf>
    <xf numFmtId="0" fontId="6" fillId="0" borderId="2" xfId="0" applyFont="1" applyFill="1" applyBorder="1" applyAlignment="1">
      <alignment vertical="center" wrapText="1"/>
    </xf>
    <xf numFmtId="0" fontId="6" fillId="0" borderId="2" xfId="0" applyFont="1" applyFill="1" applyBorder="1" applyAlignment="1">
      <alignment horizontal="center" vertical="center" wrapText="1"/>
    </xf>
    <xf numFmtId="0" fontId="6" fillId="0" borderId="4" xfId="0" applyFont="1" applyFill="1" applyBorder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6" fillId="0" borderId="3" xfId="0" applyFont="1" applyFill="1" applyBorder="1" applyAlignment="1">
      <alignment vertical="center" wrapText="1"/>
    </xf>
    <xf numFmtId="0" fontId="6" fillId="0" borderId="3" xfId="0" applyFont="1" applyFill="1" applyBorder="1" applyAlignment="1">
      <alignment horizontal="center" vertical="center" wrapText="1"/>
    </xf>
    <xf numFmtId="0" fontId="6" fillId="0" borderId="4" xfId="0" applyFont="1" applyFill="1" applyBorder="1" applyAlignment="1">
      <alignment horizontal="center" vertical="center" wrapText="1"/>
    </xf>
    <xf numFmtId="0" fontId="6" fillId="0" borderId="8" xfId="0" applyFont="1" applyFill="1" applyBorder="1" applyAlignment="1">
      <alignment vertical="center" wrapText="1"/>
    </xf>
    <xf numFmtId="0" fontId="7" fillId="0" borderId="9" xfId="1" applyFont="1" applyFill="1" applyBorder="1" applyAlignment="1" applyProtection="1">
      <alignment vertical="center" wrapText="1"/>
    </xf>
    <xf numFmtId="0" fontId="9" fillId="0" borderId="4" xfId="0" applyFont="1" applyFill="1" applyBorder="1" applyAlignment="1">
      <alignment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6" fillId="0" borderId="4" xfId="0" applyFont="1" applyFill="1" applyBorder="1" applyAlignment="1">
      <alignment horizontal="center" vertical="center" wrapTex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1089"/>
  <sheetViews>
    <sheetView tabSelected="1" view="pageBreakPreview" topLeftCell="B1" zoomScale="55" zoomScaleNormal="55" zoomScaleSheetLayoutView="55" workbookViewId="0">
      <pane ySplit="1" topLeftCell="A2" activePane="bottomLeft" state="frozen"/>
      <selection pane="bottomLeft" activeCell="D40" sqref="D40"/>
    </sheetView>
  </sheetViews>
  <sheetFormatPr defaultColWidth="9" defaultRowHeight="21.75" customHeight="1" x14ac:dyDescent="0.2"/>
  <cols>
    <col min="1" max="1" width="5.19921875" style="19" hidden="1" customWidth="1"/>
    <col min="2" max="2" width="16.19921875" style="31" bestFit="1" customWidth="1"/>
    <col min="3" max="3" width="37.19921875" style="19" customWidth="1"/>
    <col min="4" max="4" width="11.5" style="19" customWidth="1"/>
    <col min="5" max="5" width="35.8984375" style="19" customWidth="1"/>
    <col min="6" max="6" width="13.5" style="19" customWidth="1"/>
    <col min="7" max="7" width="31.5" style="19" bestFit="1" customWidth="1"/>
    <col min="8" max="8" width="18.8984375" style="19" customWidth="1"/>
    <col min="9" max="16384" width="9" style="19"/>
  </cols>
  <sheetData>
    <row r="1" spans="1:8" s="16" customFormat="1" ht="26.4" x14ac:dyDescent="0.2">
      <c r="B1" s="17" t="s">
        <v>0</v>
      </c>
      <c r="C1" s="17" t="s">
        <v>4901</v>
      </c>
      <c r="D1" s="17" t="s">
        <v>1</v>
      </c>
      <c r="E1" s="17" t="s">
        <v>2</v>
      </c>
      <c r="F1" s="17" t="s">
        <v>3</v>
      </c>
      <c r="G1" s="17" t="s">
        <v>4</v>
      </c>
      <c r="H1" s="17" t="s">
        <v>5</v>
      </c>
    </row>
    <row r="2" spans="1:8" ht="21.75" customHeight="1" x14ac:dyDescent="0.2">
      <c r="A2" s="49">
        <v>1</v>
      </c>
      <c r="B2" s="18" t="s">
        <v>6</v>
      </c>
      <c r="C2" s="18" t="s">
        <v>7</v>
      </c>
      <c r="D2" s="18" t="s">
        <v>8</v>
      </c>
      <c r="E2" s="18" t="s">
        <v>9</v>
      </c>
      <c r="F2" s="18" t="s">
        <v>10</v>
      </c>
      <c r="G2" s="18" t="s">
        <v>4900</v>
      </c>
      <c r="H2" s="18" t="s">
        <v>3744</v>
      </c>
    </row>
    <row r="3" spans="1:8" ht="15" customHeight="1" x14ac:dyDescent="0.2">
      <c r="A3" s="49"/>
      <c r="B3" s="20"/>
      <c r="C3" s="20"/>
      <c r="D3" s="20"/>
      <c r="E3" s="20"/>
      <c r="F3" s="20"/>
      <c r="G3" s="21" t="s">
        <v>3745</v>
      </c>
      <c r="H3" s="20"/>
    </row>
    <row r="4" spans="1:8" ht="21.75" customHeight="1" x14ac:dyDescent="0.2">
      <c r="A4" s="49">
        <v>2</v>
      </c>
      <c r="B4" s="18" t="s">
        <v>6</v>
      </c>
      <c r="C4" s="18" t="s">
        <v>11</v>
      </c>
      <c r="D4" s="18" t="s">
        <v>12</v>
      </c>
      <c r="E4" s="18" t="s">
        <v>13</v>
      </c>
      <c r="F4" s="18" t="s">
        <v>14</v>
      </c>
      <c r="G4" s="18" t="s">
        <v>15</v>
      </c>
      <c r="H4" s="18" t="s">
        <v>3746</v>
      </c>
    </row>
    <row r="5" spans="1:8" ht="15" customHeight="1" x14ac:dyDescent="0.2">
      <c r="A5" s="49"/>
      <c r="B5" s="20"/>
      <c r="C5" s="20"/>
      <c r="D5" s="20"/>
      <c r="E5" s="20"/>
      <c r="F5" s="20"/>
      <c r="G5" s="21" t="s">
        <v>3747</v>
      </c>
      <c r="H5" s="20"/>
    </row>
    <row r="6" spans="1:8" ht="21.75" customHeight="1" x14ac:dyDescent="0.2">
      <c r="A6" s="49">
        <v>3</v>
      </c>
      <c r="B6" s="18" t="s">
        <v>6</v>
      </c>
      <c r="C6" s="18" t="s">
        <v>16</v>
      </c>
      <c r="D6" s="18" t="s">
        <v>17</v>
      </c>
      <c r="E6" s="18" t="s">
        <v>18</v>
      </c>
      <c r="F6" s="18" t="s">
        <v>19</v>
      </c>
      <c r="G6" s="18" t="s">
        <v>20</v>
      </c>
      <c r="H6" s="18" t="s">
        <v>3748</v>
      </c>
    </row>
    <row r="7" spans="1:8" ht="15" customHeight="1" x14ac:dyDescent="0.2">
      <c r="A7" s="49"/>
      <c r="B7" s="20"/>
      <c r="C7" s="20"/>
      <c r="D7" s="20"/>
      <c r="E7" s="20"/>
      <c r="F7" s="20"/>
      <c r="G7" s="21" t="s">
        <v>3749</v>
      </c>
      <c r="H7" s="20"/>
    </row>
    <row r="8" spans="1:8" ht="21.75" customHeight="1" x14ac:dyDescent="0.2">
      <c r="A8" s="49">
        <v>4</v>
      </c>
      <c r="B8" s="18" t="s">
        <v>6</v>
      </c>
      <c r="C8" s="18" t="s">
        <v>21</v>
      </c>
      <c r="D8" s="18" t="s">
        <v>22</v>
      </c>
      <c r="E8" s="18" t="s">
        <v>23</v>
      </c>
      <c r="F8" s="18" t="s">
        <v>24</v>
      </c>
      <c r="G8" s="18" t="s">
        <v>25</v>
      </c>
      <c r="H8" s="18" t="s">
        <v>3750</v>
      </c>
    </row>
    <row r="9" spans="1:8" ht="15" customHeight="1" x14ac:dyDescent="0.2">
      <c r="A9" s="49"/>
      <c r="B9" s="20"/>
      <c r="C9" s="20"/>
      <c r="D9" s="20"/>
      <c r="E9" s="20"/>
      <c r="F9" s="20"/>
      <c r="G9" s="21" t="s">
        <v>3724</v>
      </c>
      <c r="H9" s="20"/>
    </row>
    <row r="10" spans="1:8" ht="21.75" customHeight="1" x14ac:dyDescent="0.2">
      <c r="A10" s="49">
        <v>5</v>
      </c>
      <c r="B10" s="18" t="s">
        <v>6</v>
      </c>
      <c r="C10" s="18" t="s">
        <v>26</v>
      </c>
      <c r="D10" s="18" t="s">
        <v>27</v>
      </c>
      <c r="E10" s="18" t="s">
        <v>28</v>
      </c>
      <c r="F10" s="18" t="s">
        <v>29</v>
      </c>
      <c r="G10" s="18" t="s">
        <v>30</v>
      </c>
      <c r="H10" s="18" t="s">
        <v>3751</v>
      </c>
    </row>
    <row r="11" spans="1:8" ht="15" customHeight="1" x14ac:dyDescent="0.2">
      <c r="A11" s="49"/>
      <c r="B11" s="20"/>
      <c r="C11" s="20"/>
      <c r="D11" s="20"/>
      <c r="E11" s="20"/>
      <c r="F11" s="20"/>
      <c r="G11" s="21" t="s">
        <v>3725</v>
      </c>
      <c r="H11" s="20"/>
    </row>
    <row r="12" spans="1:8" ht="21.75" customHeight="1" x14ac:dyDescent="0.2">
      <c r="A12" s="49">
        <v>6</v>
      </c>
      <c r="B12" s="18" t="s">
        <v>6</v>
      </c>
      <c r="C12" s="18" t="s">
        <v>31</v>
      </c>
      <c r="D12" s="18" t="s">
        <v>32</v>
      </c>
      <c r="E12" s="18" t="s">
        <v>33</v>
      </c>
      <c r="F12" s="18" t="s">
        <v>34</v>
      </c>
      <c r="G12" s="18" t="s">
        <v>35</v>
      </c>
      <c r="H12" s="18" t="s">
        <v>3752</v>
      </c>
    </row>
    <row r="13" spans="1:8" ht="15" customHeight="1" x14ac:dyDescent="0.2">
      <c r="A13" s="49"/>
      <c r="B13" s="20"/>
      <c r="C13" s="20"/>
      <c r="D13" s="20"/>
      <c r="E13" s="20"/>
      <c r="F13" s="20"/>
      <c r="G13" s="21" t="s">
        <v>3753</v>
      </c>
      <c r="H13" s="20"/>
    </row>
    <row r="14" spans="1:8" ht="21.75" customHeight="1" x14ac:dyDescent="0.2">
      <c r="A14" s="49">
        <v>7</v>
      </c>
      <c r="B14" s="18" t="s">
        <v>6</v>
      </c>
      <c r="C14" s="18" t="s">
        <v>36</v>
      </c>
      <c r="D14" s="18" t="s">
        <v>37</v>
      </c>
      <c r="E14" s="18" t="s">
        <v>38</v>
      </c>
      <c r="F14" s="18" t="s">
        <v>39</v>
      </c>
      <c r="G14" s="18" t="s">
        <v>40</v>
      </c>
      <c r="H14" s="18" t="s">
        <v>3754</v>
      </c>
    </row>
    <row r="15" spans="1:8" ht="15" customHeight="1" x14ac:dyDescent="0.2">
      <c r="A15" s="49"/>
      <c r="B15" s="20"/>
      <c r="C15" s="20"/>
      <c r="D15" s="20"/>
      <c r="E15" s="20"/>
      <c r="F15" s="20"/>
      <c r="G15" s="21" t="s">
        <v>3755</v>
      </c>
      <c r="H15" s="20"/>
    </row>
    <row r="16" spans="1:8" ht="21.75" customHeight="1" x14ac:dyDescent="0.2">
      <c r="A16" s="49">
        <v>8</v>
      </c>
      <c r="B16" s="18" t="s">
        <v>6</v>
      </c>
      <c r="C16" s="18" t="s">
        <v>41</v>
      </c>
      <c r="D16" s="18" t="s">
        <v>42</v>
      </c>
      <c r="E16" s="18" t="s">
        <v>43</v>
      </c>
      <c r="F16" s="18" t="s">
        <v>44</v>
      </c>
      <c r="G16" s="18" t="s">
        <v>45</v>
      </c>
      <c r="H16" s="18" t="s">
        <v>3756</v>
      </c>
    </row>
    <row r="17" spans="1:8" ht="15" customHeight="1" x14ac:dyDescent="0.2">
      <c r="A17" s="49"/>
      <c r="B17" s="20"/>
      <c r="C17" s="20"/>
      <c r="D17" s="20"/>
      <c r="E17" s="20"/>
      <c r="F17" s="20"/>
      <c r="G17" s="21" t="s">
        <v>3745</v>
      </c>
      <c r="H17" s="20"/>
    </row>
    <row r="18" spans="1:8" ht="21.75" customHeight="1" x14ac:dyDescent="0.2">
      <c r="A18" s="49">
        <v>9</v>
      </c>
      <c r="B18" s="18" t="s">
        <v>6</v>
      </c>
      <c r="C18" s="18" t="s">
        <v>46</v>
      </c>
      <c r="D18" s="18" t="s">
        <v>47</v>
      </c>
      <c r="E18" s="18" t="s">
        <v>48</v>
      </c>
      <c r="F18" s="18" t="s">
        <v>49</v>
      </c>
      <c r="G18" s="18" t="s">
        <v>50</v>
      </c>
      <c r="H18" s="18" t="s">
        <v>3757</v>
      </c>
    </row>
    <row r="19" spans="1:8" ht="15" customHeight="1" x14ac:dyDescent="0.2">
      <c r="A19" s="49"/>
      <c r="B19" s="20"/>
      <c r="C19" s="20"/>
      <c r="D19" s="20"/>
      <c r="E19" s="20"/>
      <c r="F19" s="20"/>
      <c r="G19" s="21" t="s">
        <v>3757</v>
      </c>
      <c r="H19" s="20"/>
    </row>
    <row r="20" spans="1:8" ht="21.75" customHeight="1" x14ac:dyDescent="0.2">
      <c r="A20" s="49">
        <v>10</v>
      </c>
      <c r="B20" s="18" t="s">
        <v>6</v>
      </c>
      <c r="C20" s="18" t="s">
        <v>51</v>
      </c>
      <c r="D20" s="18" t="s">
        <v>52</v>
      </c>
      <c r="E20" s="18" t="s">
        <v>53</v>
      </c>
      <c r="F20" s="18" t="s">
        <v>54</v>
      </c>
      <c r="G20" s="18" t="s">
        <v>55</v>
      </c>
      <c r="H20" s="18" t="s">
        <v>3758</v>
      </c>
    </row>
    <row r="21" spans="1:8" ht="15" customHeight="1" x14ac:dyDescent="0.2">
      <c r="A21" s="49"/>
      <c r="B21" s="20"/>
      <c r="C21" s="20"/>
      <c r="D21" s="20"/>
      <c r="E21" s="20"/>
      <c r="F21" s="20"/>
      <c r="G21" s="21" t="s">
        <v>3759</v>
      </c>
      <c r="H21" s="20"/>
    </row>
    <row r="22" spans="1:8" ht="21.75" customHeight="1" x14ac:dyDescent="0.2">
      <c r="A22" s="49">
        <v>11</v>
      </c>
      <c r="B22" s="18" t="s">
        <v>6</v>
      </c>
      <c r="C22" s="18" t="s">
        <v>56</v>
      </c>
      <c r="D22" s="18" t="s">
        <v>57</v>
      </c>
      <c r="E22" s="18" t="s">
        <v>58</v>
      </c>
      <c r="F22" s="18" t="s">
        <v>59</v>
      </c>
      <c r="G22" s="18" t="s">
        <v>60</v>
      </c>
      <c r="H22" s="18" t="s">
        <v>4743</v>
      </c>
    </row>
    <row r="23" spans="1:8" ht="15" customHeight="1" x14ac:dyDescent="0.2">
      <c r="A23" s="49"/>
      <c r="B23" s="20"/>
      <c r="C23" s="20"/>
      <c r="D23" s="20"/>
      <c r="E23" s="20"/>
      <c r="F23" s="20"/>
      <c r="G23" s="21" t="s">
        <v>3760</v>
      </c>
      <c r="H23" s="20"/>
    </row>
    <row r="24" spans="1:8" ht="21.75" customHeight="1" x14ac:dyDescent="0.2">
      <c r="A24" s="49">
        <v>12</v>
      </c>
      <c r="B24" s="18" t="s">
        <v>6</v>
      </c>
      <c r="C24" s="18" t="s">
        <v>61</v>
      </c>
      <c r="D24" s="18" t="s">
        <v>62</v>
      </c>
      <c r="E24" s="18" t="s">
        <v>63</v>
      </c>
      <c r="F24" s="18" t="s">
        <v>64</v>
      </c>
      <c r="G24" s="18" t="s">
        <v>65</v>
      </c>
      <c r="H24" s="18" t="s">
        <v>3761</v>
      </c>
    </row>
    <row r="25" spans="1:8" ht="15" customHeight="1" x14ac:dyDescent="0.2">
      <c r="A25" s="49"/>
      <c r="B25" s="20"/>
      <c r="C25" s="20"/>
      <c r="D25" s="20"/>
      <c r="E25" s="20"/>
      <c r="F25" s="20"/>
      <c r="G25" s="21" t="s">
        <v>3762</v>
      </c>
      <c r="H25" s="20"/>
    </row>
    <row r="26" spans="1:8" ht="21.75" customHeight="1" x14ac:dyDescent="0.2">
      <c r="A26" s="49">
        <v>13</v>
      </c>
      <c r="B26" s="18" t="s">
        <v>6</v>
      </c>
      <c r="C26" s="18" t="s">
        <v>66</v>
      </c>
      <c r="D26" s="18" t="s">
        <v>12</v>
      </c>
      <c r="E26" s="18" t="s">
        <v>67</v>
      </c>
      <c r="F26" s="18" t="s">
        <v>68</v>
      </c>
      <c r="G26" s="18" t="s">
        <v>69</v>
      </c>
      <c r="H26" s="18" t="s">
        <v>3763</v>
      </c>
    </row>
    <row r="27" spans="1:8" ht="15" customHeight="1" x14ac:dyDescent="0.2">
      <c r="A27" s="49"/>
      <c r="B27" s="20"/>
      <c r="C27" s="20"/>
      <c r="D27" s="20"/>
      <c r="E27" s="20"/>
      <c r="F27" s="20"/>
      <c r="G27" s="21" t="s">
        <v>3745</v>
      </c>
      <c r="H27" s="20"/>
    </row>
    <row r="28" spans="1:8" ht="21.75" customHeight="1" x14ac:dyDescent="0.2">
      <c r="A28" s="49">
        <v>14</v>
      </c>
      <c r="B28" s="18" t="s">
        <v>6</v>
      </c>
      <c r="C28" s="18" t="s">
        <v>70</v>
      </c>
      <c r="D28" s="18" t="s">
        <v>27</v>
      </c>
      <c r="E28" s="18" t="s">
        <v>71</v>
      </c>
      <c r="F28" s="18" t="s">
        <v>72</v>
      </c>
      <c r="G28" s="18" t="s">
        <v>73</v>
      </c>
      <c r="H28" s="18" t="s">
        <v>3764</v>
      </c>
    </row>
    <row r="29" spans="1:8" ht="15" customHeight="1" x14ac:dyDescent="0.2">
      <c r="A29" s="49"/>
      <c r="B29" s="20"/>
      <c r="C29" s="20"/>
      <c r="D29" s="20"/>
      <c r="E29" s="20"/>
      <c r="F29" s="20"/>
      <c r="G29" s="21" t="s">
        <v>3765</v>
      </c>
      <c r="H29" s="20"/>
    </row>
    <row r="30" spans="1:8" ht="21.75" customHeight="1" x14ac:dyDescent="0.2">
      <c r="A30" s="49">
        <v>16</v>
      </c>
      <c r="B30" s="18" t="s">
        <v>74</v>
      </c>
      <c r="C30" s="18" t="s">
        <v>75</v>
      </c>
      <c r="D30" s="18" t="s">
        <v>76</v>
      </c>
      <c r="E30" s="18" t="s">
        <v>77</v>
      </c>
      <c r="F30" s="18" t="s">
        <v>78</v>
      </c>
      <c r="G30" s="18" t="s">
        <v>79</v>
      </c>
      <c r="H30" s="18" t="s">
        <v>3766</v>
      </c>
    </row>
    <row r="31" spans="1:8" ht="15" customHeight="1" x14ac:dyDescent="0.2">
      <c r="A31" s="49"/>
      <c r="B31" s="20"/>
      <c r="C31" s="20"/>
      <c r="D31" s="20"/>
      <c r="E31" s="20"/>
      <c r="F31" s="20"/>
      <c r="G31" s="21" t="s">
        <v>3767</v>
      </c>
      <c r="H31" s="20"/>
    </row>
    <row r="32" spans="1:8" ht="21.75" customHeight="1" x14ac:dyDescent="0.2">
      <c r="A32" s="49">
        <v>17</v>
      </c>
      <c r="B32" s="18" t="s">
        <v>74</v>
      </c>
      <c r="C32" s="18" t="s">
        <v>80</v>
      </c>
      <c r="D32" s="18" t="s">
        <v>81</v>
      </c>
      <c r="E32" s="18" t="s">
        <v>82</v>
      </c>
      <c r="F32" s="18" t="s">
        <v>83</v>
      </c>
      <c r="G32" s="18" t="s">
        <v>84</v>
      </c>
      <c r="H32" s="18" t="s">
        <v>3768</v>
      </c>
    </row>
    <row r="33" spans="1:8" ht="15" customHeight="1" x14ac:dyDescent="0.2">
      <c r="A33" s="49"/>
      <c r="B33" s="20"/>
      <c r="C33" s="20"/>
      <c r="D33" s="20"/>
      <c r="E33" s="20"/>
      <c r="F33" s="20"/>
      <c r="G33" s="21" t="s">
        <v>3769</v>
      </c>
      <c r="H33" s="20"/>
    </row>
    <row r="34" spans="1:8" ht="21" customHeight="1" x14ac:dyDescent="0.2">
      <c r="A34" s="49">
        <v>18</v>
      </c>
      <c r="B34" s="18" t="s">
        <v>74</v>
      </c>
      <c r="C34" s="18" t="s">
        <v>85</v>
      </c>
      <c r="D34" s="18" t="s">
        <v>86</v>
      </c>
      <c r="E34" s="18" t="s">
        <v>87</v>
      </c>
      <c r="F34" s="18" t="s">
        <v>88</v>
      </c>
      <c r="G34" s="18" t="s">
        <v>89</v>
      </c>
      <c r="H34" s="18" t="s">
        <v>3770</v>
      </c>
    </row>
    <row r="35" spans="1:8" ht="15" customHeight="1" x14ac:dyDescent="0.2">
      <c r="A35" s="49"/>
      <c r="B35" s="20"/>
      <c r="C35" s="20"/>
      <c r="D35" s="20"/>
      <c r="E35" s="20"/>
      <c r="F35" s="20"/>
      <c r="G35" s="21" t="s">
        <v>3770</v>
      </c>
      <c r="H35" s="20"/>
    </row>
    <row r="36" spans="1:8" ht="22.2" customHeight="1" x14ac:dyDescent="0.2">
      <c r="A36" s="49">
        <v>19</v>
      </c>
      <c r="B36" s="18" t="s">
        <v>74</v>
      </c>
      <c r="C36" s="18" t="s">
        <v>90</v>
      </c>
      <c r="D36" s="18" t="s">
        <v>91</v>
      </c>
      <c r="E36" s="18" t="s">
        <v>92</v>
      </c>
      <c r="F36" s="18" t="s">
        <v>93</v>
      </c>
      <c r="G36" s="18" t="s">
        <v>94</v>
      </c>
      <c r="H36" s="18" t="s">
        <v>3771</v>
      </c>
    </row>
    <row r="37" spans="1:8" ht="15" customHeight="1" x14ac:dyDescent="0.2">
      <c r="A37" s="49"/>
      <c r="B37" s="20"/>
      <c r="C37" s="20"/>
      <c r="D37" s="20"/>
      <c r="E37" s="20"/>
      <c r="F37" s="20"/>
      <c r="G37" s="21" t="s">
        <v>3772</v>
      </c>
      <c r="H37" s="20"/>
    </row>
    <row r="38" spans="1:8" ht="21.75" customHeight="1" x14ac:dyDescent="0.2">
      <c r="A38" s="49">
        <v>20</v>
      </c>
      <c r="B38" s="18" t="s">
        <v>74</v>
      </c>
      <c r="C38" s="18" t="s">
        <v>95</v>
      </c>
      <c r="D38" s="18" t="s">
        <v>96</v>
      </c>
      <c r="E38" s="18" t="s">
        <v>97</v>
      </c>
      <c r="F38" s="18" t="s">
        <v>98</v>
      </c>
      <c r="G38" s="18" t="s">
        <v>99</v>
      </c>
      <c r="H38" s="18" t="s">
        <v>3773</v>
      </c>
    </row>
    <row r="39" spans="1:8" ht="15" customHeight="1" x14ac:dyDescent="0.2">
      <c r="A39" s="49"/>
      <c r="B39" s="20"/>
      <c r="C39" s="20"/>
      <c r="D39" s="20"/>
      <c r="E39" s="20"/>
      <c r="F39" s="20"/>
      <c r="G39" s="21" t="s">
        <v>3774</v>
      </c>
      <c r="H39" s="20"/>
    </row>
    <row r="40" spans="1:8" ht="21.75" customHeight="1" x14ac:dyDescent="0.2">
      <c r="A40" s="49">
        <v>21</v>
      </c>
      <c r="B40" s="18" t="s">
        <v>74</v>
      </c>
      <c r="C40" s="18" t="s">
        <v>100</v>
      </c>
      <c r="D40" s="18" t="s">
        <v>101</v>
      </c>
      <c r="E40" s="18" t="s">
        <v>102</v>
      </c>
      <c r="F40" s="18" t="s">
        <v>103</v>
      </c>
      <c r="G40" s="18" t="s">
        <v>104</v>
      </c>
      <c r="H40" s="18" t="s">
        <v>3775</v>
      </c>
    </row>
    <row r="41" spans="1:8" ht="15" customHeight="1" x14ac:dyDescent="0.2">
      <c r="A41" s="49"/>
      <c r="B41" s="20"/>
      <c r="C41" s="20"/>
      <c r="D41" s="20"/>
      <c r="E41" s="20"/>
      <c r="F41" s="20"/>
      <c r="G41" s="21" t="s">
        <v>3776</v>
      </c>
      <c r="H41" s="20"/>
    </row>
    <row r="42" spans="1:8" ht="21.75" customHeight="1" x14ac:dyDescent="0.2">
      <c r="A42" s="49">
        <v>22</v>
      </c>
      <c r="B42" s="18" t="s">
        <v>74</v>
      </c>
      <c r="C42" s="18" t="s">
        <v>105</v>
      </c>
      <c r="D42" s="18" t="s">
        <v>106</v>
      </c>
      <c r="E42" s="18" t="s">
        <v>107</v>
      </c>
      <c r="F42" s="18" t="s">
        <v>108</v>
      </c>
      <c r="G42" s="18" t="s">
        <v>104</v>
      </c>
      <c r="H42" s="18" t="s">
        <v>3776</v>
      </c>
    </row>
    <row r="43" spans="1:8" ht="15" customHeight="1" x14ac:dyDescent="0.2">
      <c r="A43" s="49"/>
      <c r="B43" s="20"/>
      <c r="C43" s="20"/>
      <c r="D43" s="20"/>
      <c r="E43" s="20"/>
      <c r="F43" s="20"/>
      <c r="G43" s="21" t="s">
        <v>3776</v>
      </c>
      <c r="H43" s="20"/>
    </row>
    <row r="44" spans="1:8" ht="21.75" customHeight="1" x14ac:dyDescent="0.2">
      <c r="A44" s="49">
        <v>23</v>
      </c>
      <c r="B44" s="18" t="s">
        <v>74</v>
      </c>
      <c r="C44" s="18" t="s">
        <v>109</v>
      </c>
      <c r="D44" s="18" t="s">
        <v>110</v>
      </c>
      <c r="E44" s="18" t="s">
        <v>111</v>
      </c>
      <c r="F44" s="18" t="s">
        <v>112</v>
      </c>
      <c r="G44" s="18" t="s">
        <v>113</v>
      </c>
      <c r="H44" s="18" t="s">
        <v>3777</v>
      </c>
    </row>
    <row r="45" spans="1:8" ht="15" customHeight="1" x14ac:dyDescent="0.2">
      <c r="A45" s="49"/>
      <c r="B45" s="20"/>
      <c r="C45" s="20"/>
      <c r="D45" s="20"/>
      <c r="E45" s="20"/>
      <c r="F45" s="20"/>
      <c r="G45" s="21" t="s">
        <v>4885</v>
      </c>
      <c r="H45" s="20"/>
    </row>
    <row r="46" spans="1:8" ht="21.75" customHeight="1" x14ac:dyDescent="0.2">
      <c r="A46" s="49">
        <v>24</v>
      </c>
      <c r="B46" s="18" t="s">
        <v>74</v>
      </c>
      <c r="C46" s="18" t="s">
        <v>114</v>
      </c>
      <c r="D46" s="18" t="s">
        <v>115</v>
      </c>
      <c r="E46" s="18" t="s">
        <v>116</v>
      </c>
      <c r="F46" s="18" t="s">
        <v>117</v>
      </c>
      <c r="G46" s="18" t="s">
        <v>118</v>
      </c>
      <c r="H46" s="18" t="s">
        <v>3778</v>
      </c>
    </row>
    <row r="47" spans="1:8" ht="15" customHeight="1" x14ac:dyDescent="0.2">
      <c r="A47" s="49"/>
      <c r="B47" s="20"/>
      <c r="C47" s="20"/>
      <c r="D47" s="20"/>
      <c r="E47" s="20"/>
      <c r="F47" s="20"/>
      <c r="G47" s="21" t="s">
        <v>3779</v>
      </c>
      <c r="H47" s="20"/>
    </row>
    <row r="48" spans="1:8" ht="21.75" customHeight="1" x14ac:dyDescent="0.2">
      <c r="A48" s="49">
        <v>25</v>
      </c>
      <c r="B48" s="18" t="s">
        <v>74</v>
      </c>
      <c r="C48" s="18" t="s">
        <v>119</v>
      </c>
      <c r="D48" s="18" t="s">
        <v>120</v>
      </c>
      <c r="E48" s="18" t="s">
        <v>121</v>
      </c>
      <c r="F48" s="18" t="s">
        <v>122</v>
      </c>
      <c r="G48" s="18" t="s">
        <v>123</v>
      </c>
      <c r="H48" s="18" t="s">
        <v>123</v>
      </c>
    </row>
    <row r="49" spans="1:8" ht="15" customHeight="1" x14ac:dyDescent="0.2">
      <c r="A49" s="49"/>
      <c r="B49" s="20"/>
      <c r="C49" s="20"/>
      <c r="D49" s="20"/>
      <c r="E49" s="20"/>
      <c r="F49" s="20"/>
      <c r="G49" s="21" t="s">
        <v>3745</v>
      </c>
      <c r="H49" s="20"/>
    </row>
    <row r="50" spans="1:8" ht="21.75" customHeight="1" x14ac:dyDescent="0.2">
      <c r="A50" s="49">
        <v>26</v>
      </c>
      <c r="B50" s="18" t="s">
        <v>74</v>
      </c>
      <c r="C50" s="18" t="s">
        <v>124</v>
      </c>
      <c r="D50" s="18" t="s">
        <v>125</v>
      </c>
      <c r="E50" s="18" t="s">
        <v>126</v>
      </c>
      <c r="F50" s="18" t="s">
        <v>127</v>
      </c>
      <c r="G50" s="18" t="s">
        <v>128</v>
      </c>
      <c r="H50" s="18" t="s">
        <v>3780</v>
      </c>
    </row>
    <row r="51" spans="1:8" ht="15" customHeight="1" x14ac:dyDescent="0.2">
      <c r="A51" s="49"/>
      <c r="B51" s="20"/>
      <c r="C51" s="20"/>
      <c r="D51" s="20"/>
      <c r="E51" s="20"/>
      <c r="F51" s="20"/>
      <c r="G51" s="21" t="s">
        <v>129</v>
      </c>
      <c r="H51" s="20"/>
    </row>
    <row r="52" spans="1:8" ht="21.75" customHeight="1" x14ac:dyDescent="0.2">
      <c r="A52" s="49">
        <v>27</v>
      </c>
      <c r="B52" s="18" t="s">
        <v>130</v>
      </c>
      <c r="C52" s="18" t="s">
        <v>131</v>
      </c>
      <c r="D52" s="18" t="s">
        <v>132</v>
      </c>
      <c r="E52" s="18" t="s">
        <v>133</v>
      </c>
      <c r="F52" s="18" t="s">
        <v>134</v>
      </c>
      <c r="G52" s="18" t="s">
        <v>135</v>
      </c>
      <c r="H52" s="22" t="s">
        <v>136</v>
      </c>
    </row>
    <row r="53" spans="1:8" ht="15" customHeight="1" x14ac:dyDescent="0.2">
      <c r="A53" s="49"/>
      <c r="B53" s="20"/>
      <c r="C53" s="20"/>
      <c r="D53" s="20"/>
      <c r="E53" s="20"/>
      <c r="F53" s="20"/>
      <c r="G53" s="21" t="s">
        <v>137</v>
      </c>
      <c r="H53" s="20"/>
    </row>
    <row r="54" spans="1:8" ht="21.75" customHeight="1" x14ac:dyDescent="0.2">
      <c r="A54" s="49">
        <v>28</v>
      </c>
      <c r="B54" s="18" t="s">
        <v>130</v>
      </c>
      <c r="C54" s="18" t="s">
        <v>138</v>
      </c>
      <c r="D54" s="18" t="s">
        <v>139</v>
      </c>
      <c r="E54" s="18" t="s">
        <v>140</v>
      </c>
      <c r="F54" s="18" t="s">
        <v>141</v>
      </c>
      <c r="G54" s="18" t="s">
        <v>142</v>
      </c>
      <c r="H54" s="18" t="s">
        <v>3781</v>
      </c>
    </row>
    <row r="55" spans="1:8" ht="15" customHeight="1" x14ac:dyDescent="0.2">
      <c r="A55" s="49"/>
      <c r="B55" s="20"/>
      <c r="C55" s="20"/>
      <c r="D55" s="20"/>
      <c r="E55" s="20"/>
      <c r="F55" s="20"/>
      <c r="G55" s="21" t="s">
        <v>3782</v>
      </c>
      <c r="H55" s="20"/>
    </row>
    <row r="56" spans="1:8" ht="21.75" customHeight="1" x14ac:dyDescent="0.2">
      <c r="A56" s="49">
        <v>29</v>
      </c>
      <c r="B56" s="18" t="s">
        <v>130</v>
      </c>
      <c r="C56" s="18" t="s">
        <v>143</v>
      </c>
      <c r="D56" s="18" t="s">
        <v>144</v>
      </c>
      <c r="E56" s="18" t="s">
        <v>145</v>
      </c>
      <c r="F56" s="18" t="s">
        <v>146</v>
      </c>
      <c r="G56" s="18" t="s">
        <v>147</v>
      </c>
      <c r="H56" s="18" t="s">
        <v>3783</v>
      </c>
    </row>
    <row r="57" spans="1:8" ht="15" customHeight="1" x14ac:dyDescent="0.2">
      <c r="A57" s="49"/>
      <c r="B57" s="20"/>
      <c r="C57" s="20"/>
      <c r="D57" s="20"/>
      <c r="E57" s="20"/>
      <c r="F57" s="20"/>
      <c r="G57" s="21" t="s">
        <v>3784</v>
      </c>
      <c r="H57" s="20"/>
    </row>
    <row r="58" spans="1:8" ht="21.75" customHeight="1" x14ac:dyDescent="0.2">
      <c r="A58" s="49">
        <v>30</v>
      </c>
      <c r="B58" s="18" t="s">
        <v>130</v>
      </c>
      <c r="C58" s="18" t="s">
        <v>148</v>
      </c>
      <c r="D58" s="18" t="s">
        <v>149</v>
      </c>
      <c r="E58" s="18" t="s">
        <v>150</v>
      </c>
      <c r="F58" s="18" t="s">
        <v>151</v>
      </c>
      <c r="G58" s="18" t="s">
        <v>152</v>
      </c>
      <c r="H58" s="18" t="s">
        <v>3785</v>
      </c>
    </row>
    <row r="59" spans="1:8" ht="15" customHeight="1" x14ac:dyDescent="0.2">
      <c r="A59" s="49"/>
      <c r="B59" s="20"/>
      <c r="C59" s="20"/>
      <c r="D59" s="20"/>
      <c r="E59" s="20"/>
      <c r="F59" s="20"/>
      <c r="G59" s="21" t="s">
        <v>3785</v>
      </c>
      <c r="H59" s="20"/>
    </row>
    <row r="60" spans="1:8" ht="21.75" customHeight="1" x14ac:dyDescent="0.2">
      <c r="A60" s="49">
        <v>31</v>
      </c>
      <c r="B60" s="18" t="s">
        <v>130</v>
      </c>
      <c r="C60" s="18" t="s">
        <v>153</v>
      </c>
      <c r="D60" s="18" t="s">
        <v>154</v>
      </c>
      <c r="E60" s="18" t="s">
        <v>155</v>
      </c>
      <c r="F60" s="18" t="s">
        <v>156</v>
      </c>
      <c r="G60" s="18" t="s">
        <v>157</v>
      </c>
      <c r="H60" s="23" t="s">
        <v>4744</v>
      </c>
    </row>
    <row r="61" spans="1:8" ht="15" customHeight="1" x14ac:dyDescent="0.2">
      <c r="A61" s="49"/>
      <c r="B61" s="20"/>
      <c r="C61" s="20"/>
      <c r="D61" s="20"/>
      <c r="E61" s="20"/>
      <c r="F61" s="20"/>
      <c r="G61" s="21" t="s">
        <v>3786</v>
      </c>
      <c r="H61" s="20"/>
    </row>
    <row r="62" spans="1:8" ht="21.75" customHeight="1" x14ac:dyDescent="0.2">
      <c r="A62" s="49">
        <v>32</v>
      </c>
      <c r="B62" s="18" t="s">
        <v>130</v>
      </c>
      <c r="C62" s="18" t="s">
        <v>158</v>
      </c>
      <c r="D62" s="18" t="s">
        <v>159</v>
      </c>
      <c r="E62" s="18" t="s">
        <v>160</v>
      </c>
      <c r="F62" s="18" t="s">
        <v>161</v>
      </c>
      <c r="G62" s="18" t="s">
        <v>162</v>
      </c>
      <c r="H62" s="18" t="s">
        <v>3787</v>
      </c>
    </row>
    <row r="63" spans="1:8" ht="15" customHeight="1" x14ac:dyDescent="0.2">
      <c r="A63" s="49"/>
      <c r="B63" s="20"/>
      <c r="C63" s="20"/>
      <c r="D63" s="20"/>
      <c r="E63" s="20"/>
      <c r="F63" s="20"/>
      <c r="G63" s="21" t="s">
        <v>3788</v>
      </c>
      <c r="H63" s="20"/>
    </row>
    <row r="64" spans="1:8" ht="21.75" customHeight="1" x14ac:dyDescent="0.2">
      <c r="A64" s="49">
        <v>33</v>
      </c>
      <c r="B64" s="18" t="s">
        <v>130</v>
      </c>
      <c r="C64" s="18" t="s">
        <v>163</v>
      </c>
      <c r="D64" s="18" t="s">
        <v>154</v>
      </c>
      <c r="E64" s="18" t="s">
        <v>164</v>
      </c>
      <c r="F64" s="18" t="s">
        <v>165</v>
      </c>
      <c r="G64" s="18" t="s">
        <v>166</v>
      </c>
      <c r="H64" s="18" t="s">
        <v>4745</v>
      </c>
    </row>
    <row r="65" spans="1:8" ht="15" customHeight="1" x14ac:dyDescent="0.2">
      <c r="A65" s="49"/>
      <c r="B65" s="20"/>
      <c r="C65" s="20"/>
      <c r="D65" s="20"/>
      <c r="E65" s="20"/>
      <c r="F65" s="20"/>
      <c r="G65" s="21" t="s">
        <v>4746</v>
      </c>
      <c r="H65" s="20"/>
    </row>
    <row r="66" spans="1:8" ht="21.75" customHeight="1" x14ac:dyDescent="0.2">
      <c r="A66" s="49">
        <v>34</v>
      </c>
      <c r="B66" s="18" t="s">
        <v>167</v>
      </c>
      <c r="C66" s="18" t="s">
        <v>168</v>
      </c>
      <c r="D66" s="18" t="s">
        <v>169</v>
      </c>
      <c r="E66" s="18" t="s">
        <v>170</v>
      </c>
      <c r="F66" s="18" t="s">
        <v>171</v>
      </c>
      <c r="G66" s="18" t="s">
        <v>172</v>
      </c>
      <c r="H66" s="18" t="s">
        <v>3789</v>
      </c>
    </row>
    <row r="67" spans="1:8" ht="15" customHeight="1" x14ac:dyDescent="0.2">
      <c r="A67" s="49"/>
      <c r="B67" s="20"/>
      <c r="C67" s="20"/>
      <c r="D67" s="20"/>
      <c r="E67" s="20"/>
      <c r="F67" s="20"/>
      <c r="G67" s="21" t="s">
        <v>3790</v>
      </c>
      <c r="H67" s="20"/>
    </row>
    <row r="68" spans="1:8" ht="21.75" customHeight="1" x14ac:dyDescent="0.2">
      <c r="A68" s="49">
        <v>35</v>
      </c>
      <c r="B68" s="18" t="s">
        <v>167</v>
      </c>
      <c r="C68" s="18" t="s">
        <v>173</v>
      </c>
      <c r="D68" s="18" t="s">
        <v>174</v>
      </c>
      <c r="E68" s="18" t="s">
        <v>175</v>
      </c>
      <c r="F68" s="18" t="s">
        <v>176</v>
      </c>
      <c r="G68" s="18" t="s">
        <v>177</v>
      </c>
      <c r="H68" s="18" t="s">
        <v>3791</v>
      </c>
    </row>
    <row r="69" spans="1:8" ht="15" customHeight="1" x14ac:dyDescent="0.2">
      <c r="A69" s="49"/>
      <c r="B69" s="20"/>
      <c r="C69" s="20"/>
      <c r="D69" s="20"/>
      <c r="E69" s="20"/>
      <c r="F69" s="20"/>
      <c r="G69" s="21" t="s">
        <v>3792</v>
      </c>
      <c r="H69" s="20"/>
    </row>
    <row r="70" spans="1:8" ht="21.75" customHeight="1" x14ac:dyDescent="0.2">
      <c r="A70" s="49">
        <v>36</v>
      </c>
      <c r="B70" s="18" t="s">
        <v>167</v>
      </c>
      <c r="C70" s="18" t="s">
        <v>178</v>
      </c>
      <c r="D70" s="18" t="s">
        <v>179</v>
      </c>
      <c r="E70" s="18" t="s">
        <v>180</v>
      </c>
      <c r="F70" s="18" t="s">
        <v>4747</v>
      </c>
      <c r="G70" s="18" t="s">
        <v>181</v>
      </c>
      <c r="H70" s="18" t="s">
        <v>3793</v>
      </c>
    </row>
    <row r="71" spans="1:8" ht="15" customHeight="1" x14ac:dyDescent="0.2">
      <c r="A71" s="49"/>
      <c r="B71" s="20"/>
      <c r="C71" s="20"/>
      <c r="D71" s="20"/>
      <c r="E71" s="20"/>
      <c r="F71" s="20"/>
      <c r="G71" s="21" t="s">
        <v>3793</v>
      </c>
      <c r="H71" s="20"/>
    </row>
    <row r="72" spans="1:8" ht="21.75" customHeight="1" x14ac:dyDescent="0.2">
      <c r="A72" s="49">
        <v>37</v>
      </c>
      <c r="B72" s="18" t="s">
        <v>167</v>
      </c>
      <c r="C72" s="18" t="s">
        <v>182</v>
      </c>
      <c r="D72" s="18" t="s">
        <v>183</v>
      </c>
      <c r="E72" s="18" t="s">
        <v>184</v>
      </c>
      <c r="F72" s="18" t="s">
        <v>185</v>
      </c>
      <c r="G72" s="18" t="s">
        <v>186</v>
      </c>
      <c r="H72" s="18" t="s">
        <v>3794</v>
      </c>
    </row>
    <row r="73" spans="1:8" ht="15" customHeight="1" x14ac:dyDescent="0.2">
      <c r="A73" s="49"/>
      <c r="B73" s="20"/>
      <c r="C73" s="20"/>
      <c r="D73" s="20"/>
      <c r="E73" s="20"/>
      <c r="F73" s="20"/>
      <c r="G73" s="21" t="s">
        <v>3795</v>
      </c>
      <c r="H73" s="20"/>
    </row>
    <row r="74" spans="1:8" ht="21.75" customHeight="1" x14ac:dyDescent="0.2">
      <c r="A74" s="49">
        <v>38</v>
      </c>
      <c r="B74" s="18" t="s">
        <v>167</v>
      </c>
      <c r="C74" s="18" t="s">
        <v>187</v>
      </c>
      <c r="D74" s="18" t="s">
        <v>188</v>
      </c>
      <c r="E74" s="18" t="s">
        <v>189</v>
      </c>
      <c r="F74" s="18" t="s">
        <v>190</v>
      </c>
      <c r="G74" s="18" t="s">
        <v>191</v>
      </c>
      <c r="H74" s="18" t="s">
        <v>3796</v>
      </c>
    </row>
    <row r="75" spans="1:8" ht="15" customHeight="1" x14ac:dyDescent="0.2">
      <c r="A75" s="49"/>
      <c r="B75" s="20"/>
      <c r="C75" s="20"/>
      <c r="D75" s="20"/>
      <c r="E75" s="20"/>
      <c r="F75" s="20"/>
      <c r="G75" s="21" t="s">
        <v>3797</v>
      </c>
      <c r="H75" s="20"/>
    </row>
    <row r="76" spans="1:8" ht="21.75" customHeight="1" x14ac:dyDescent="0.2">
      <c r="A76" s="49">
        <v>39</v>
      </c>
      <c r="B76" s="18" t="s">
        <v>167</v>
      </c>
      <c r="C76" s="18" t="s">
        <v>192</v>
      </c>
      <c r="D76" s="18" t="s">
        <v>193</v>
      </c>
      <c r="E76" s="18" t="s">
        <v>194</v>
      </c>
      <c r="F76" s="18" t="s">
        <v>195</v>
      </c>
      <c r="G76" s="18" t="s">
        <v>196</v>
      </c>
      <c r="H76" s="18" t="s">
        <v>3798</v>
      </c>
    </row>
    <row r="77" spans="1:8" ht="15" customHeight="1" x14ac:dyDescent="0.2">
      <c r="A77" s="49"/>
      <c r="B77" s="20"/>
      <c r="C77" s="20"/>
      <c r="D77" s="20"/>
      <c r="E77" s="20"/>
      <c r="F77" s="20"/>
      <c r="G77" s="21" t="s">
        <v>3799</v>
      </c>
      <c r="H77" s="20"/>
    </row>
    <row r="78" spans="1:8" ht="21.75" customHeight="1" x14ac:dyDescent="0.2">
      <c r="A78" s="49">
        <v>40</v>
      </c>
      <c r="B78" s="18" t="s">
        <v>167</v>
      </c>
      <c r="C78" s="18" t="s">
        <v>197</v>
      </c>
      <c r="D78" s="18" t="s">
        <v>198</v>
      </c>
      <c r="E78" s="18" t="s">
        <v>199</v>
      </c>
      <c r="F78" s="18" t="s">
        <v>200</v>
      </c>
      <c r="G78" s="18" t="s">
        <v>201</v>
      </c>
      <c r="H78" s="18" t="s">
        <v>3800</v>
      </c>
    </row>
    <row r="79" spans="1:8" ht="15" customHeight="1" x14ac:dyDescent="0.2">
      <c r="A79" s="49"/>
      <c r="B79" s="20"/>
      <c r="C79" s="20"/>
      <c r="D79" s="20"/>
      <c r="E79" s="20"/>
      <c r="F79" s="20"/>
      <c r="G79" s="20" t="s">
        <v>3800</v>
      </c>
      <c r="H79" s="20"/>
    </row>
    <row r="80" spans="1:8" ht="21.75" customHeight="1" x14ac:dyDescent="0.2">
      <c r="A80" s="49">
        <v>41</v>
      </c>
      <c r="B80" s="21" t="s">
        <v>167</v>
      </c>
      <c r="C80" s="21" t="s">
        <v>202</v>
      </c>
      <c r="D80" s="21" t="s">
        <v>203</v>
      </c>
      <c r="E80" s="21" t="s">
        <v>204</v>
      </c>
      <c r="F80" s="21" t="s">
        <v>205</v>
      </c>
      <c r="G80" s="21" t="s">
        <v>206</v>
      </c>
      <c r="H80" s="21" t="s">
        <v>3801</v>
      </c>
    </row>
    <row r="81" spans="1:8" ht="15" customHeight="1" x14ac:dyDescent="0.2">
      <c r="A81" s="49"/>
      <c r="B81" s="20"/>
      <c r="C81" s="20"/>
      <c r="D81" s="20"/>
      <c r="E81" s="20"/>
      <c r="F81" s="20"/>
      <c r="G81" s="21" t="s">
        <v>4748</v>
      </c>
      <c r="H81" s="20"/>
    </row>
    <row r="82" spans="1:8" ht="21.75" customHeight="1" x14ac:dyDescent="0.2">
      <c r="A82" s="49">
        <v>42</v>
      </c>
      <c r="B82" s="18" t="s">
        <v>167</v>
      </c>
      <c r="C82" s="18" t="s">
        <v>207</v>
      </c>
      <c r="D82" s="18" t="s">
        <v>208</v>
      </c>
      <c r="E82" s="18" t="s">
        <v>209</v>
      </c>
      <c r="F82" s="18" t="s">
        <v>210</v>
      </c>
      <c r="G82" s="18" t="s">
        <v>186</v>
      </c>
      <c r="H82" s="18" t="s">
        <v>3803</v>
      </c>
    </row>
    <row r="83" spans="1:8" ht="15" customHeight="1" x14ac:dyDescent="0.2">
      <c r="A83" s="49"/>
      <c r="B83" s="20"/>
      <c r="C83" s="20"/>
      <c r="D83" s="20"/>
      <c r="E83" s="20"/>
      <c r="F83" s="20"/>
      <c r="G83" s="21" t="s">
        <v>3795</v>
      </c>
      <c r="H83" s="20"/>
    </row>
    <row r="84" spans="1:8" ht="22.2" customHeight="1" x14ac:dyDescent="0.2">
      <c r="A84" s="49">
        <v>43</v>
      </c>
      <c r="B84" s="18" t="s">
        <v>167</v>
      </c>
      <c r="C84" s="18" t="s">
        <v>211</v>
      </c>
      <c r="D84" s="18" t="s">
        <v>212</v>
      </c>
      <c r="E84" s="18" t="s">
        <v>213</v>
      </c>
      <c r="F84" s="18" t="s">
        <v>214</v>
      </c>
      <c r="G84" s="18" t="s">
        <v>215</v>
      </c>
      <c r="H84" s="18" t="s">
        <v>3804</v>
      </c>
    </row>
    <row r="85" spans="1:8" ht="15" customHeight="1" x14ac:dyDescent="0.2">
      <c r="A85" s="49"/>
      <c r="B85" s="20"/>
      <c r="C85" s="20"/>
      <c r="D85" s="20"/>
      <c r="E85" s="20"/>
      <c r="F85" s="20"/>
      <c r="G85" s="21" t="s">
        <v>3805</v>
      </c>
      <c r="H85" s="20"/>
    </row>
    <row r="86" spans="1:8" ht="21.75" customHeight="1" x14ac:dyDescent="0.2">
      <c r="A86" s="49">
        <v>44</v>
      </c>
      <c r="B86" s="18" t="s">
        <v>167</v>
      </c>
      <c r="C86" s="18" t="s">
        <v>216</v>
      </c>
      <c r="D86" s="18" t="s">
        <v>217</v>
      </c>
      <c r="E86" s="18" t="s">
        <v>218</v>
      </c>
      <c r="F86" s="18" t="s">
        <v>219</v>
      </c>
      <c r="G86" s="18" t="s">
        <v>220</v>
      </c>
      <c r="H86" s="18" t="s">
        <v>3806</v>
      </c>
    </row>
    <row r="87" spans="1:8" ht="15" customHeight="1" x14ac:dyDescent="0.2">
      <c r="A87" s="49"/>
      <c r="B87" s="20"/>
      <c r="C87" s="20"/>
      <c r="D87" s="20"/>
      <c r="E87" s="20"/>
      <c r="F87" s="20"/>
      <c r="G87" s="21" t="s">
        <v>3807</v>
      </c>
      <c r="H87" s="20"/>
    </row>
    <row r="88" spans="1:8" ht="21.75" customHeight="1" x14ac:dyDescent="0.2">
      <c r="A88" s="49">
        <v>45</v>
      </c>
      <c r="B88" s="18" t="s">
        <v>167</v>
      </c>
      <c r="C88" s="18" t="s">
        <v>4749</v>
      </c>
      <c r="D88" s="18" t="s">
        <v>221</v>
      </c>
      <c r="E88" s="18" t="s">
        <v>222</v>
      </c>
      <c r="F88" s="18" t="s">
        <v>223</v>
      </c>
      <c r="G88" s="18" t="s">
        <v>224</v>
      </c>
      <c r="H88" s="18" t="s">
        <v>3808</v>
      </c>
    </row>
    <row r="89" spans="1:8" ht="15" customHeight="1" x14ac:dyDescent="0.2">
      <c r="A89" s="49"/>
      <c r="B89" s="20"/>
      <c r="C89" s="20"/>
      <c r="D89" s="20"/>
      <c r="E89" s="20"/>
      <c r="F89" s="20"/>
      <c r="G89" s="21" t="s">
        <v>3809</v>
      </c>
      <c r="H89" s="20"/>
    </row>
    <row r="90" spans="1:8" ht="21.75" customHeight="1" x14ac:dyDescent="0.2">
      <c r="A90" s="49">
        <v>46</v>
      </c>
      <c r="B90" s="18" t="s">
        <v>225</v>
      </c>
      <c r="C90" s="18" t="s">
        <v>226</v>
      </c>
      <c r="D90" s="18" t="s">
        <v>227</v>
      </c>
      <c r="E90" s="18" t="s">
        <v>228</v>
      </c>
      <c r="F90" s="18" t="s">
        <v>229</v>
      </c>
      <c r="G90" s="18" t="s">
        <v>230</v>
      </c>
      <c r="H90" s="18" t="s">
        <v>3810</v>
      </c>
    </row>
    <row r="91" spans="1:8" ht="15" customHeight="1" x14ac:dyDescent="0.2">
      <c r="A91" s="49"/>
      <c r="B91" s="20"/>
      <c r="C91" s="20"/>
      <c r="D91" s="20"/>
      <c r="E91" s="20"/>
      <c r="F91" s="20"/>
      <c r="G91" s="21" t="s">
        <v>3811</v>
      </c>
      <c r="H91" s="20"/>
    </row>
    <row r="92" spans="1:8" ht="21.75" customHeight="1" x14ac:dyDescent="0.2">
      <c r="A92" s="49">
        <v>47</v>
      </c>
      <c r="B92" s="18" t="s">
        <v>225</v>
      </c>
      <c r="C92" s="18" t="s">
        <v>231</v>
      </c>
      <c r="D92" s="18" t="s">
        <v>232</v>
      </c>
      <c r="E92" s="18" t="s">
        <v>233</v>
      </c>
      <c r="F92" s="18" t="s">
        <v>3733</v>
      </c>
      <c r="G92" s="18" t="s">
        <v>234</v>
      </c>
      <c r="H92" s="18" t="s">
        <v>3812</v>
      </c>
    </row>
    <row r="93" spans="1:8" ht="15" customHeight="1" x14ac:dyDescent="0.2">
      <c r="A93" s="49"/>
      <c r="B93" s="20"/>
      <c r="C93" s="20"/>
      <c r="D93" s="20"/>
      <c r="E93" s="20"/>
      <c r="F93" s="20"/>
      <c r="G93" s="21" t="s">
        <v>3812</v>
      </c>
      <c r="H93" s="20"/>
    </row>
    <row r="94" spans="1:8" ht="21.75" customHeight="1" x14ac:dyDescent="0.2">
      <c r="A94" s="49">
        <v>48</v>
      </c>
      <c r="B94" s="18" t="s">
        <v>225</v>
      </c>
      <c r="C94" s="18" t="s">
        <v>235</v>
      </c>
      <c r="D94" s="18" t="s">
        <v>236</v>
      </c>
      <c r="E94" s="18" t="s">
        <v>237</v>
      </c>
      <c r="F94" s="18" t="s">
        <v>238</v>
      </c>
      <c r="G94" s="18" t="s">
        <v>239</v>
      </c>
      <c r="H94" s="18" t="s">
        <v>3813</v>
      </c>
    </row>
    <row r="95" spans="1:8" ht="15" customHeight="1" x14ac:dyDescent="0.2">
      <c r="A95" s="49"/>
      <c r="B95" s="20"/>
      <c r="C95" s="20"/>
      <c r="D95" s="20"/>
      <c r="E95" s="20"/>
      <c r="F95" s="20"/>
      <c r="G95" s="21" t="s">
        <v>3814</v>
      </c>
      <c r="H95" s="20"/>
    </row>
    <row r="96" spans="1:8" ht="21.75" customHeight="1" x14ac:dyDescent="0.2">
      <c r="A96" s="49">
        <v>49</v>
      </c>
      <c r="B96" s="18" t="s">
        <v>225</v>
      </c>
      <c r="C96" s="18" t="s">
        <v>240</v>
      </c>
      <c r="D96" s="18" t="s">
        <v>241</v>
      </c>
      <c r="E96" s="18" t="s">
        <v>242</v>
      </c>
      <c r="F96" s="18" t="s">
        <v>243</v>
      </c>
      <c r="G96" s="18" t="s">
        <v>244</v>
      </c>
      <c r="H96" s="18" t="s">
        <v>3815</v>
      </c>
    </row>
    <row r="97" spans="1:8" ht="15" customHeight="1" x14ac:dyDescent="0.2">
      <c r="A97" s="49"/>
      <c r="B97" s="20"/>
      <c r="C97" s="20"/>
      <c r="D97" s="20"/>
      <c r="E97" s="20"/>
      <c r="F97" s="20"/>
      <c r="G97" s="21" t="s">
        <v>3816</v>
      </c>
      <c r="H97" s="20"/>
    </row>
    <row r="98" spans="1:8" ht="21.75" customHeight="1" x14ac:dyDescent="0.2">
      <c r="A98" s="49">
        <v>50</v>
      </c>
      <c r="B98" s="18" t="s">
        <v>225</v>
      </c>
      <c r="C98" s="18" t="s">
        <v>245</v>
      </c>
      <c r="D98" s="18" t="s">
        <v>246</v>
      </c>
      <c r="E98" s="18" t="s">
        <v>247</v>
      </c>
      <c r="F98" s="18" t="s">
        <v>248</v>
      </c>
      <c r="G98" s="18" t="s">
        <v>249</v>
      </c>
      <c r="H98" s="18" t="s">
        <v>3817</v>
      </c>
    </row>
    <row r="99" spans="1:8" ht="15" customHeight="1" x14ac:dyDescent="0.2">
      <c r="A99" s="49"/>
      <c r="B99" s="20"/>
      <c r="C99" s="20"/>
      <c r="D99" s="20"/>
      <c r="E99" s="20"/>
      <c r="F99" s="20"/>
      <c r="G99" s="21" t="s">
        <v>3815</v>
      </c>
      <c r="H99" s="20"/>
    </row>
    <row r="100" spans="1:8" ht="21.75" customHeight="1" x14ac:dyDescent="0.2">
      <c r="A100" s="49">
        <v>51</v>
      </c>
      <c r="B100" s="18" t="s">
        <v>225</v>
      </c>
      <c r="C100" s="18" t="s">
        <v>250</v>
      </c>
      <c r="D100" s="18" t="s">
        <v>251</v>
      </c>
      <c r="E100" s="18" t="s">
        <v>3734</v>
      </c>
      <c r="F100" s="18" t="s">
        <v>252</v>
      </c>
      <c r="G100" s="18" t="s">
        <v>253</v>
      </c>
      <c r="H100" s="18" t="s">
        <v>3818</v>
      </c>
    </row>
    <row r="101" spans="1:8" ht="15" customHeight="1" x14ac:dyDescent="0.2">
      <c r="A101" s="49"/>
      <c r="B101" s="20"/>
      <c r="C101" s="20"/>
      <c r="D101" s="20"/>
      <c r="E101" s="20"/>
      <c r="F101" s="20"/>
      <c r="G101" s="21" t="s">
        <v>3819</v>
      </c>
      <c r="H101" s="20"/>
    </row>
    <row r="102" spans="1:8" ht="21.75" customHeight="1" x14ac:dyDescent="0.2">
      <c r="A102" s="49">
        <v>53</v>
      </c>
      <c r="B102" s="18" t="s">
        <v>225</v>
      </c>
      <c r="C102" s="18" t="s">
        <v>255</v>
      </c>
      <c r="D102" s="18" t="s">
        <v>254</v>
      </c>
      <c r="E102" s="18" t="s">
        <v>256</v>
      </c>
      <c r="F102" s="18" t="s">
        <v>257</v>
      </c>
      <c r="G102" s="18" t="s">
        <v>258</v>
      </c>
      <c r="H102" s="18" t="s">
        <v>3820</v>
      </c>
    </row>
    <row r="103" spans="1:8" ht="15" customHeight="1" x14ac:dyDescent="0.2">
      <c r="A103" s="49"/>
      <c r="B103" s="20"/>
      <c r="C103" s="20"/>
      <c r="D103" s="20"/>
      <c r="E103" s="20"/>
      <c r="F103" s="20"/>
      <c r="G103" s="21" t="s">
        <v>3821</v>
      </c>
      <c r="H103" s="20"/>
    </row>
    <row r="104" spans="1:8" ht="21.75" customHeight="1" x14ac:dyDescent="0.2">
      <c r="A104" s="49">
        <v>54</v>
      </c>
      <c r="B104" s="18" t="s">
        <v>225</v>
      </c>
      <c r="C104" s="18" t="s">
        <v>259</v>
      </c>
      <c r="D104" s="18" t="s">
        <v>260</v>
      </c>
      <c r="E104" s="18" t="s">
        <v>261</v>
      </c>
      <c r="F104" s="18" t="s">
        <v>262</v>
      </c>
      <c r="G104" s="18" t="s">
        <v>263</v>
      </c>
      <c r="H104" s="18" t="s">
        <v>3822</v>
      </c>
    </row>
    <row r="105" spans="1:8" ht="15" customHeight="1" x14ac:dyDescent="0.2">
      <c r="A105" s="49"/>
      <c r="B105" s="20"/>
      <c r="C105" s="20"/>
      <c r="D105" s="20"/>
      <c r="E105" s="20"/>
      <c r="F105" s="20"/>
      <c r="G105" s="21" t="s">
        <v>3822</v>
      </c>
      <c r="H105" s="20"/>
    </row>
    <row r="106" spans="1:8" ht="21.75" customHeight="1" x14ac:dyDescent="0.2">
      <c r="A106" s="49">
        <v>55</v>
      </c>
      <c r="B106" s="18" t="s">
        <v>225</v>
      </c>
      <c r="C106" s="18" t="s">
        <v>264</v>
      </c>
      <c r="D106" s="18" t="s">
        <v>265</v>
      </c>
      <c r="E106" s="18" t="s">
        <v>266</v>
      </c>
      <c r="F106" s="18" t="s">
        <v>267</v>
      </c>
      <c r="G106" s="18" t="s">
        <v>268</v>
      </c>
      <c r="H106" s="18" t="s">
        <v>3823</v>
      </c>
    </row>
    <row r="107" spans="1:8" ht="15" customHeight="1" x14ac:dyDescent="0.2">
      <c r="A107" s="49"/>
      <c r="B107" s="20"/>
      <c r="C107" s="20"/>
      <c r="D107" s="20"/>
      <c r="E107" s="20"/>
      <c r="F107" s="20"/>
      <c r="G107" s="21" t="s">
        <v>3745</v>
      </c>
      <c r="H107" s="20"/>
    </row>
    <row r="108" spans="1:8" ht="21.75" customHeight="1" x14ac:dyDescent="0.2">
      <c r="A108" s="49">
        <v>56</v>
      </c>
      <c r="B108" s="18" t="s">
        <v>225</v>
      </c>
      <c r="C108" s="18" t="s">
        <v>269</v>
      </c>
      <c r="D108" s="18" t="s">
        <v>270</v>
      </c>
      <c r="E108" s="18" t="s">
        <v>271</v>
      </c>
      <c r="F108" s="18" t="s">
        <v>272</v>
      </c>
      <c r="G108" s="18" t="s">
        <v>273</v>
      </c>
      <c r="H108" s="18" t="s">
        <v>3824</v>
      </c>
    </row>
    <row r="109" spans="1:8" ht="15" customHeight="1" x14ac:dyDescent="0.2">
      <c r="A109" s="49"/>
      <c r="B109" s="20"/>
      <c r="C109" s="20"/>
      <c r="D109" s="20"/>
      <c r="E109" s="20"/>
      <c r="F109" s="20"/>
      <c r="G109" s="21" t="s">
        <v>3825</v>
      </c>
      <c r="H109" s="20"/>
    </row>
    <row r="110" spans="1:8" ht="21.75" customHeight="1" x14ac:dyDescent="0.2">
      <c r="A110" s="49">
        <v>57</v>
      </c>
      <c r="B110" s="18" t="s">
        <v>225</v>
      </c>
      <c r="C110" s="18" t="s">
        <v>274</v>
      </c>
      <c r="D110" s="18" t="s">
        <v>275</v>
      </c>
      <c r="E110" s="18" t="s">
        <v>276</v>
      </c>
      <c r="F110" s="18" t="s">
        <v>277</v>
      </c>
      <c r="G110" s="18" t="s">
        <v>278</v>
      </c>
      <c r="H110" s="18" t="s">
        <v>3826</v>
      </c>
    </row>
    <row r="111" spans="1:8" ht="15" customHeight="1" x14ac:dyDescent="0.2">
      <c r="A111" s="49"/>
      <c r="B111" s="20"/>
      <c r="C111" s="20"/>
      <c r="D111" s="20"/>
      <c r="E111" s="20"/>
      <c r="F111" s="20"/>
      <c r="G111" s="21" t="s">
        <v>4886</v>
      </c>
      <c r="H111" s="20"/>
    </row>
    <row r="112" spans="1:8" ht="21.75" customHeight="1" x14ac:dyDescent="0.2">
      <c r="A112" s="49">
        <v>58</v>
      </c>
      <c r="B112" s="18" t="s">
        <v>279</v>
      </c>
      <c r="C112" s="18" t="s">
        <v>280</v>
      </c>
      <c r="D112" s="18" t="s">
        <v>281</v>
      </c>
      <c r="E112" s="18" t="s">
        <v>282</v>
      </c>
      <c r="F112" s="18" t="s">
        <v>283</v>
      </c>
      <c r="G112" s="18" t="s">
        <v>284</v>
      </c>
      <c r="H112" s="18" t="s">
        <v>3827</v>
      </c>
    </row>
    <row r="113" spans="1:8" ht="15" customHeight="1" x14ac:dyDescent="0.2">
      <c r="A113" s="49"/>
      <c r="B113" s="20"/>
      <c r="C113" s="20"/>
      <c r="D113" s="20"/>
      <c r="E113" s="20"/>
      <c r="F113" s="20"/>
      <c r="G113" s="21" t="s">
        <v>3828</v>
      </c>
      <c r="H113" s="20"/>
    </row>
    <row r="114" spans="1:8" ht="21.75" customHeight="1" x14ac:dyDescent="0.2">
      <c r="A114" s="49">
        <v>59</v>
      </c>
      <c r="B114" s="18" t="s">
        <v>285</v>
      </c>
      <c r="C114" s="18" t="s">
        <v>286</v>
      </c>
      <c r="D114" s="18" t="s">
        <v>287</v>
      </c>
      <c r="E114" s="18" t="s">
        <v>288</v>
      </c>
      <c r="F114" s="18" t="s">
        <v>4887</v>
      </c>
      <c r="G114" s="18" t="s">
        <v>289</v>
      </c>
      <c r="H114" s="18" t="s">
        <v>4750</v>
      </c>
    </row>
    <row r="115" spans="1:8" ht="15" customHeight="1" x14ac:dyDescent="0.2">
      <c r="A115" s="49"/>
      <c r="B115" s="20"/>
      <c r="C115" s="20"/>
      <c r="D115" s="20"/>
      <c r="E115" s="20"/>
      <c r="F115" s="20"/>
      <c r="G115" s="21" t="s">
        <v>3829</v>
      </c>
      <c r="H115" s="20"/>
    </row>
    <row r="116" spans="1:8" ht="21.75" customHeight="1" x14ac:dyDescent="0.2">
      <c r="A116" s="49">
        <v>60</v>
      </c>
      <c r="B116" s="18" t="s">
        <v>285</v>
      </c>
      <c r="C116" s="18" t="s">
        <v>290</v>
      </c>
      <c r="D116" s="18" t="s">
        <v>291</v>
      </c>
      <c r="E116" s="18" t="s">
        <v>292</v>
      </c>
      <c r="F116" s="18" t="s">
        <v>293</v>
      </c>
      <c r="G116" s="18" t="s">
        <v>294</v>
      </c>
      <c r="H116" s="18" t="s">
        <v>4751</v>
      </c>
    </row>
    <row r="117" spans="1:8" ht="15" customHeight="1" x14ac:dyDescent="0.2">
      <c r="A117" s="49"/>
      <c r="B117" s="20"/>
      <c r="C117" s="20"/>
      <c r="D117" s="20"/>
      <c r="E117" s="20"/>
      <c r="F117" s="20"/>
      <c r="G117" s="21" t="s">
        <v>3830</v>
      </c>
      <c r="H117" s="20"/>
    </row>
    <row r="118" spans="1:8" ht="21.75" customHeight="1" x14ac:dyDescent="0.2">
      <c r="A118" s="49">
        <v>61</v>
      </c>
      <c r="B118" s="18" t="s">
        <v>285</v>
      </c>
      <c r="C118" s="18" t="s">
        <v>295</v>
      </c>
      <c r="D118" s="18" t="s">
        <v>296</v>
      </c>
      <c r="E118" s="18" t="s">
        <v>297</v>
      </c>
      <c r="F118" s="18" t="s">
        <v>298</v>
      </c>
      <c r="G118" s="18" t="s">
        <v>299</v>
      </c>
      <c r="H118" s="18" t="s">
        <v>3831</v>
      </c>
    </row>
    <row r="119" spans="1:8" ht="15" customHeight="1" x14ac:dyDescent="0.2">
      <c r="A119" s="49"/>
      <c r="B119" s="20"/>
      <c r="C119" s="20"/>
      <c r="D119" s="20"/>
      <c r="E119" s="20"/>
      <c r="F119" s="20"/>
      <c r="G119" s="21" t="s">
        <v>3832</v>
      </c>
      <c r="H119" s="20"/>
    </row>
    <row r="120" spans="1:8" ht="21.75" customHeight="1" x14ac:dyDescent="0.2">
      <c r="A120" s="49">
        <v>62</v>
      </c>
      <c r="B120" s="18" t="s">
        <v>285</v>
      </c>
      <c r="C120" s="18" t="s">
        <v>300</v>
      </c>
      <c r="D120" s="18" t="s">
        <v>301</v>
      </c>
      <c r="E120" s="18" t="s">
        <v>302</v>
      </c>
      <c r="F120" s="18" t="s">
        <v>303</v>
      </c>
      <c r="G120" s="18" t="s">
        <v>304</v>
      </c>
      <c r="H120" s="18" t="s">
        <v>3833</v>
      </c>
    </row>
    <row r="121" spans="1:8" ht="15" customHeight="1" x14ac:dyDescent="0.2">
      <c r="A121" s="49"/>
      <c r="B121" s="20"/>
      <c r="C121" s="20"/>
      <c r="D121" s="20"/>
      <c r="E121" s="20"/>
      <c r="F121" s="20"/>
      <c r="G121" s="21" t="s">
        <v>3834</v>
      </c>
      <c r="H121" s="20"/>
    </row>
    <row r="122" spans="1:8" ht="21.75" customHeight="1" x14ac:dyDescent="0.2">
      <c r="A122" s="49">
        <v>63</v>
      </c>
      <c r="B122" s="18" t="s">
        <v>285</v>
      </c>
      <c r="C122" s="18" t="s">
        <v>305</v>
      </c>
      <c r="D122" s="18" t="s">
        <v>306</v>
      </c>
      <c r="E122" s="18" t="s">
        <v>307</v>
      </c>
      <c r="F122" s="18" t="s">
        <v>308</v>
      </c>
      <c r="G122" s="18" t="s">
        <v>309</v>
      </c>
      <c r="H122" s="18" t="s">
        <v>3835</v>
      </c>
    </row>
    <row r="123" spans="1:8" ht="15" customHeight="1" x14ac:dyDescent="0.2">
      <c r="A123" s="49"/>
      <c r="B123" s="20"/>
      <c r="C123" s="20"/>
      <c r="D123" s="20"/>
      <c r="E123" s="20"/>
      <c r="F123" s="20"/>
      <c r="G123" s="21" t="s">
        <v>3836</v>
      </c>
      <c r="H123" s="20"/>
    </row>
    <row r="124" spans="1:8" ht="21.75" customHeight="1" x14ac:dyDescent="0.2">
      <c r="A124" s="49">
        <v>64</v>
      </c>
      <c r="B124" s="18" t="s">
        <v>285</v>
      </c>
      <c r="C124" s="18" t="s">
        <v>310</v>
      </c>
      <c r="D124" s="18" t="s">
        <v>311</v>
      </c>
      <c r="E124" s="18" t="s">
        <v>312</v>
      </c>
      <c r="F124" s="18" t="s">
        <v>313</v>
      </c>
      <c r="G124" s="18" t="s">
        <v>314</v>
      </c>
      <c r="H124" s="18" t="s">
        <v>3837</v>
      </c>
    </row>
    <row r="125" spans="1:8" ht="15" customHeight="1" x14ac:dyDescent="0.2">
      <c r="A125" s="49"/>
      <c r="B125" s="20"/>
      <c r="C125" s="20"/>
      <c r="D125" s="20"/>
      <c r="E125" s="20"/>
      <c r="F125" s="20"/>
      <c r="G125" s="21" t="s">
        <v>3837</v>
      </c>
      <c r="H125" s="20"/>
    </row>
    <row r="126" spans="1:8" ht="21.75" customHeight="1" x14ac:dyDescent="0.2">
      <c r="A126" s="49">
        <v>65</v>
      </c>
      <c r="B126" s="18" t="s">
        <v>285</v>
      </c>
      <c r="C126" s="18" t="s">
        <v>315</v>
      </c>
      <c r="D126" s="18" t="s">
        <v>316</v>
      </c>
      <c r="E126" s="18" t="s">
        <v>317</v>
      </c>
      <c r="F126" s="18" t="s">
        <v>318</v>
      </c>
      <c r="G126" s="18" t="s">
        <v>319</v>
      </c>
      <c r="H126" s="18" t="s">
        <v>3838</v>
      </c>
    </row>
    <row r="127" spans="1:8" ht="15" customHeight="1" x14ac:dyDescent="0.2">
      <c r="A127" s="49"/>
      <c r="B127" s="20"/>
      <c r="C127" s="20"/>
      <c r="D127" s="20"/>
      <c r="E127" s="20"/>
      <c r="F127" s="20"/>
      <c r="G127" s="21" t="s">
        <v>3839</v>
      </c>
      <c r="H127" s="20"/>
    </row>
    <row r="128" spans="1:8" ht="21.75" customHeight="1" x14ac:dyDescent="0.2">
      <c r="A128" s="49">
        <v>66</v>
      </c>
      <c r="B128" s="18" t="s">
        <v>285</v>
      </c>
      <c r="C128" s="18" t="s">
        <v>320</v>
      </c>
      <c r="D128" s="18" t="s">
        <v>321</v>
      </c>
      <c r="E128" s="18" t="s">
        <v>322</v>
      </c>
      <c r="F128" s="18" t="s">
        <v>323</v>
      </c>
      <c r="G128" s="18" t="s">
        <v>309</v>
      </c>
      <c r="H128" s="18" t="s">
        <v>3835</v>
      </c>
    </row>
    <row r="129" spans="1:8" ht="15" customHeight="1" x14ac:dyDescent="0.2">
      <c r="A129" s="49"/>
      <c r="B129" s="20"/>
      <c r="C129" s="20"/>
      <c r="D129" s="20"/>
      <c r="E129" s="20"/>
      <c r="F129" s="20"/>
      <c r="G129" s="21" t="s">
        <v>3836</v>
      </c>
      <c r="H129" s="20"/>
    </row>
    <row r="130" spans="1:8" ht="21.75" customHeight="1" x14ac:dyDescent="0.2">
      <c r="A130" s="49">
        <v>67</v>
      </c>
      <c r="B130" s="18" t="s">
        <v>285</v>
      </c>
      <c r="C130" s="18" t="s">
        <v>324</v>
      </c>
      <c r="D130" s="18" t="s">
        <v>325</v>
      </c>
      <c r="E130" s="18" t="s">
        <v>326</v>
      </c>
      <c r="F130" s="18" t="s">
        <v>327</v>
      </c>
      <c r="G130" s="18" t="s">
        <v>328</v>
      </c>
      <c r="H130" s="18" t="s">
        <v>3840</v>
      </c>
    </row>
    <row r="131" spans="1:8" ht="15" customHeight="1" x14ac:dyDescent="0.2">
      <c r="A131" s="49"/>
      <c r="B131" s="20"/>
      <c r="C131" s="20"/>
      <c r="D131" s="20"/>
      <c r="E131" s="20"/>
      <c r="F131" s="20"/>
      <c r="G131" s="21" t="s">
        <v>3841</v>
      </c>
      <c r="H131" s="20"/>
    </row>
    <row r="132" spans="1:8" ht="21.75" customHeight="1" x14ac:dyDescent="0.2">
      <c r="A132" s="49">
        <v>69</v>
      </c>
      <c r="B132" s="18" t="s">
        <v>285</v>
      </c>
      <c r="C132" s="18" t="s">
        <v>330</v>
      </c>
      <c r="D132" s="18" t="s">
        <v>331</v>
      </c>
      <c r="E132" s="18" t="s">
        <v>332</v>
      </c>
      <c r="F132" s="18" t="s">
        <v>333</v>
      </c>
      <c r="G132" s="18" t="s">
        <v>334</v>
      </c>
      <c r="H132" s="18" t="s">
        <v>3842</v>
      </c>
    </row>
    <row r="133" spans="1:8" ht="15" customHeight="1" x14ac:dyDescent="0.2">
      <c r="A133" s="49"/>
      <c r="B133" s="20"/>
      <c r="C133" s="20"/>
      <c r="D133" s="20"/>
      <c r="E133" s="20"/>
      <c r="F133" s="20"/>
      <c r="G133" s="21" t="s">
        <v>3843</v>
      </c>
      <c r="H133" s="20"/>
    </row>
    <row r="134" spans="1:8" ht="21.75" customHeight="1" x14ac:dyDescent="0.2">
      <c r="A134" s="49">
        <v>70</v>
      </c>
      <c r="B134" s="18" t="s">
        <v>285</v>
      </c>
      <c r="C134" s="18" t="s">
        <v>335</v>
      </c>
      <c r="D134" s="18" t="s">
        <v>329</v>
      </c>
      <c r="E134" s="18" t="s">
        <v>336</v>
      </c>
      <c r="F134" s="18" t="s">
        <v>337</v>
      </c>
      <c r="G134" s="18" t="s">
        <v>338</v>
      </c>
      <c r="H134" s="18" t="s">
        <v>3844</v>
      </c>
    </row>
    <row r="135" spans="1:8" ht="15" customHeight="1" x14ac:dyDescent="0.2">
      <c r="A135" s="49"/>
      <c r="B135" s="20"/>
      <c r="C135" s="20"/>
      <c r="D135" s="20"/>
      <c r="E135" s="20"/>
      <c r="F135" s="20"/>
      <c r="G135" s="21" t="s">
        <v>3845</v>
      </c>
      <c r="H135" s="20"/>
    </row>
    <row r="136" spans="1:8" ht="21.75" customHeight="1" x14ac:dyDescent="0.2">
      <c r="A136" s="49">
        <v>71</v>
      </c>
      <c r="B136" s="18" t="s">
        <v>285</v>
      </c>
      <c r="C136" s="18" t="s">
        <v>339</v>
      </c>
      <c r="D136" s="18" t="s">
        <v>340</v>
      </c>
      <c r="E136" s="18" t="s">
        <v>341</v>
      </c>
      <c r="F136" s="18" t="s">
        <v>342</v>
      </c>
      <c r="G136" s="18" t="s">
        <v>343</v>
      </c>
      <c r="H136" s="18" t="s">
        <v>3846</v>
      </c>
    </row>
    <row r="137" spans="1:8" ht="15" customHeight="1" x14ac:dyDescent="0.2">
      <c r="A137" s="49"/>
      <c r="B137" s="20"/>
      <c r="C137" s="20"/>
      <c r="D137" s="20"/>
      <c r="E137" s="20"/>
      <c r="F137" s="20"/>
      <c r="G137" s="21" t="s">
        <v>3846</v>
      </c>
      <c r="H137" s="20"/>
    </row>
    <row r="138" spans="1:8" ht="21.75" customHeight="1" x14ac:dyDescent="0.2">
      <c r="A138" s="49">
        <v>72</v>
      </c>
      <c r="B138" s="18" t="s">
        <v>285</v>
      </c>
      <c r="C138" s="18" t="s">
        <v>344</v>
      </c>
      <c r="D138" s="18" t="s">
        <v>345</v>
      </c>
      <c r="E138" s="18" t="s">
        <v>346</v>
      </c>
      <c r="F138" s="18" t="s">
        <v>347</v>
      </c>
      <c r="G138" s="18" t="s">
        <v>348</v>
      </c>
      <c r="H138" s="18" t="s">
        <v>3847</v>
      </c>
    </row>
    <row r="139" spans="1:8" ht="15" customHeight="1" x14ac:dyDescent="0.2">
      <c r="A139" s="49"/>
      <c r="B139" s="20"/>
      <c r="C139" s="20"/>
      <c r="D139" s="20"/>
      <c r="E139" s="20"/>
      <c r="F139" s="20"/>
      <c r="G139" s="21" t="s">
        <v>4752</v>
      </c>
      <c r="H139" s="20"/>
    </row>
    <row r="140" spans="1:8" ht="21.75" customHeight="1" x14ac:dyDescent="0.2">
      <c r="A140" s="49">
        <v>73</v>
      </c>
      <c r="B140" s="18" t="s">
        <v>349</v>
      </c>
      <c r="C140" s="18" t="s">
        <v>350</v>
      </c>
      <c r="D140" s="18" t="s">
        <v>351</v>
      </c>
      <c r="E140" s="18" t="s">
        <v>352</v>
      </c>
      <c r="F140" s="18" t="s">
        <v>353</v>
      </c>
      <c r="G140" s="18" t="s">
        <v>354</v>
      </c>
      <c r="H140" s="18" t="s">
        <v>3848</v>
      </c>
    </row>
    <row r="141" spans="1:8" ht="15" customHeight="1" x14ac:dyDescent="0.2">
      <c r="A141" s="49"/>
      <c r="B141" s="20"/>
      <c r="C141" s="20"/>
      <c r="D141" s="20"/>
      <c r="E141" s="20"/>
      <c r="F141" s="20"/>
      <c r="G141" s="21" t="s">
        <v>3848</v>
      </c>
      <c r="H141" s="20"/>
    </row>
    <row r="142" spans="1:8" ht="21.75" customHeight="1" x14ac:dyDescent="0.2">
      <c r="A142" s="49">
        <v>74</v>
      </c>
      <c r="B142" s="18" t="s">
        <v>349</v>
      </c>
      <c r="C142" s="18" t="s">
        <v>355</v>
      </c>
      <c r="D142" s="18" t="s">
        <v>356</v>
      </c>
      <c r="E142" s="18" t="s">
        <v>357</v>
      </c>
      <c r="F142" s="18" t="s">
        <v>358</v>
      </c>
      <c r="G142" s="18" t="s">
        <v>294</v>
      </c>
      <c r="H142" s="18" t="s">
        <v>3849</v>
      </c>
    </row>
    <row r="143" spans="1:8" ht="15" customHeight="1" x14ac:dyDescent="0.2">
      <c r="A143" s="49"/>
      <c r="B143" s="20"/>
      <c r="C143" s="20"/>
      <c r="D143" s="20"/>
      <c r="E143" s="20"/>
      <c r="F143" s="20"/>
      <c r="G143" s="21" t="s">
        <v>3830</v>
      </c>
      <c r="H143" s="20"/>
    </row>
    <row r="144" spans="1:8" ht="21.75" customHeight="1" x14ac:dyDescent="0.2">
      <c r="A144" s="49">
        <v>76</v>
      </c>
      <c r="B144" s="18" t="s">
        <v>349</v>
      </c>
      <c r="C144" s="18" t="s">
        <v>360</v>
      </c>
      <c r="D144" s="18" t="s">
        <v>361</v>
      </c>
      <c r="E144" s="18" t="s">
        <v>362</v>
      </c>
      <c r="F144" s="18" t="s">
        <v>363</v>
      </c>
      <c r="G144" s="18" t="s">
        <v>364</v>
      </c>
      <c r="H144" s="18" t="s">
        <v>3850</v>
      </c>
    </row>
    <row r="145" spans="1:8" ht="15" customHeight="1" x14ac:dyDescent="0.2">
      <c r="A145" s="49"/>
      <c r="B145" s="20"/>
      <c r="C145" s="20"/>
      <c r="D145" s="20"/>
      <c r="E145" s="20"/>
      <c r="F145" s="20"/>
      <c r="G145" s="21" t="s">
        <v>3851</v>
      </c>
      <c r="H145" s="20"/>
    </row>
    <row r="146" spans="1:8" ht="21.75" customHeight="1" x14ac:dyDescent="0.2">
      <c r="A146" s="49">
        <v>77</v>
      </c>
      <c r="B146" s="18" t="s">
        <v>349</v>
      </c>
      <c r="C146" s="18" t="s">
        <v>365</v>
      </c>
      <c r="D146" s="18" t="s">
        <v>366</v>
      </c>
      <c r="E146" s="18" t="s">
        <v>367</v>
      </c>
      <c r="F146" s="18" t="s">
        <v>368</v>
      </c>
      <c r="G146" s="18" t="s">
        <v>369</v>
      </c>
      <c r="H146" s="18" t="s">
        <v>3852</v>
      </c>
    </row>
    <row r="147" spans="1:8" ht="15" customHeight="1" x14ac:dyDescent="0.2">
      <c r="A147" s="49"/>
      <c r="B147" s="20"/>
      <c r="C147" s="20"/>
      <c r="D147" s="20"/>
      <c r="E147" s="20"/>
      <c r="F147" s="20"/>
      <c r="G147" s="21" t="s">
        <v>3853</v>
      </c>
      <c r="H147" s="20"/>
    </row>
    <row r="148" spans="1:8" ht="21.75" customHeight="1" x14ac:dyDescent="0.2">
      <c r="A148" s="49">
        <v>78</v>
      </c>
      <c r="B148" s="18" t="s">
        <v>349</v>
      </c>
      <c r="C148" s="18" t="s">
        <v>370</v>
      </c>
      <c r="D148" s="18" t="s">
        <v>366</v>
      </c>
      <c r="E148" s="18" t="s">
        <v>371</v>
      </c>
      <c r="F148" s="18" t="s">
        <v>372</v>
      </c>
      <c r="G148" s="18" t="s">
        <v>369</v>
      </c>
      <c r="H148" s="18" t="s">
        <v>3854</v>
      </c>
    </row>
    <row r="149" spans="1:8" ht="15" customHeight="1" x14ac:dyDescent="0.2">
      <c r="A149" s="49"/>
      <c r="B149" s="20"/>
      <c r="C149" s="20"/>
      <c r="D149" s="20"/>
      <c r="E149" s="20"/>
      <c r="F149" s="20"/>
      <c r="G149" s="21" t="s">
        <v>3853</v>
      </c>
      <c r="H149" s="20"/>
    </row>
    <row r="150" spans="1:8" ht="21.75" customHeight="1" x14ac:dyDescent="0.2">
      <c r="A150" s="49">
        <v>79</v>
      </c>
      <c r="B150" s="18" t="s">
        <v>349</v>
      </c>
      <c r="C150" s="18" t="s">
        <v>373</v>
      </c>
      <c r="D150" s="18" t="s">
        <v>366</v>
      </c>
      <c r="E150" s="18" t="s">
        <v>374</v>
      </c>
      <c r="F150" s="18" t="s">
        <v>375</v>
      </c>
      <c r="G150" s="18" t="s">
        <v>369</v>
      </c>
      <c r="H150" s="18" t="s">
        <v>3855</v>
      </c>
    </row>
    <row r="151" spans="1:8" ht="15" customHeight="1" x14ac:dyDescent="0.2">
      <c r="A151" s="49"/>
      <c r="B151" s="20"/>
      <c r="C151" s="20"/>
      <c r="D151" s="20"/>
      <c r="E151" s="20"/>
      <c r="F151" s="20"/>
      <c r="G151" s="21" t="s">
        <v>3853</v>
      </c>
      <c r="H151" s="20"/>
    </row>
    <row r="152" spans="1:8" ht="21.75" customHeight="1" x14ac:dyDescent="0.2">
      <c r="A152" s="49">
        <v>80</v>
      </c>
      <c r="B152" s="18" t="s">
        <v>349</v>
      </c>
      <c r="C152" s="18" t="s">
        <v>376</v>
      </c>
      <c r="D152" s="18" t="s">
        <v>377</v>
      </c>
      <c r="E152" s="18" t="s">
        <v>378</v>
      </c>
      <c r="F152" s="18" t="s">
        <v>379</v>
      </c>
      <c r="G152" s="18" t="s">
        <v>380</v>
      </c>
      <c r="H152" s="18" t="s">
        <v>3856</v>
      </c>
    </row>
    <row r="153" spans="1:8" ht="15" customHeight="1" x14ac:dyDescent="0.2">
      <c r="A153" s="49"/>
      <c r="B153" s="20"/>
      <c r="C153" s="20"/>
      <c r="D153" s="20"/>
      <c r="E153" s="20"/>
      <c r="F153" s="20"/>
      <c r="G153" s="20" t="s">
        <v>3857</v>
      </c>
      <c r="H153" s="20"/>
    </row>
    <row r="154" spans="1:8" ht="21.75" customHeight="1" x14ac:dyDescent="0.2">
      <c r="A154" s="49">
        <v>81</v>
      </c>
      <c r="B154" s="18" t="s">
        <v>349</v>
      </c>
      <c r="C154" s="18" t="s">
        <v>381</v>
      </c>
      <c r="D154" s="18" t="s">
        <v>382</v>
      </c>
      <c r="E154" s="18" t="s">
        <v>383</v>
      </c>
      <c r="F154" s="18" t="s">
        <v>384</v>
      </c>
      <c r="G154" s="18" t="s">
        <v>385</v>
      </c>
      <c r="H154" s="18" t="s">
        <v>3858</v>
      </c>
    </row>
    <row r="155" spans="1:8" ht="15" customHeight="1" x14ac:dyDescent="0.2">
      <c r="A155" s="49"/>
      <c r="B155" s="20"/>
      <c r="C155" s="20"/>
      <c r="D155" s="20"/>
      <c r="E155" s="20"/>
      <c r="F155" s="20"/>
      <c r="G155" s="21" t="s">
        <v>3859</v>
      </c>
      <c r="H155" s="20"/>
    </row>
    <row r="156" spans="1:8" ht="21.75" customHeight="1" x14ac:dyDescent="0.2">
      <c r="A156" s="49">
        <v>82</v>
      </c>
      <c r="B156" s="18" t="s">
        <v>349</v>
      </c>
      <c r="C156" s="18" t="s">
        <v>386</v>
      </c>
      <c r="D156" s="18" t="s">
        <v>387</v>
      </c>
      <c r="E156" s="18" t="s">
        <v>388</v>
      </c>
      <c r="F156" s="18" t="s">
        <v>389</v>
      </c>
      <c r="G156" s="18" t="s">
        <v>390</v>
      </c>
      <c r="H156" s="18" t="s">
        <v>3860</v>
      </c>
    </row>
    <row r="157" spans="1:8" ht="15" customHeight="1" x14ac:dyDescent="0.2">
      <c r="A157" s="49"/>
      <c r="B157" s="20"/>
      <c r="C157" s="20"/>
      <c r="D157" s="20"/>
      <c r="E157" s="20"/>
      <c r="F157" s="20"/>
      <c r="G157" s="21" t="s">
        <v>3861</v>
      </c>
      <c r="H157" s="20"/>
    </row>
    <row r="158" spans="1:8" ht="21.75" customHeight="1" x14ac:dyDescent="0.2">
      <c r="A158" s="49">
        <v>83</v>
      </c>
      <c r="B158" s="18" t="s">
        <v>349</v>
      </c>
      <c r="C158" s="18" t="s">
        <v>391</v>
      </c>
      <c r="D158" s="18" t="s">
        <v>359</v>
      </c>
      <c r="E158" s="18" t="s">
        <v>392</v>
      </c>
      <c r="F158" s="18" t="s">
        <v>393</v>
      </c>
      <c r="G158" s="18" t="s">
        <v>394</v>
      </c>
      <c r="H158" s="18" t="s">
        <v>3862</v>
      </c>
    </row>
    <row r="159" spans="1:8" ht="15" customHeight="1" x14ac:dyDescent="0.2">
      <c r="A159" s="49"/>
      <c r="B159" s="20"/>
      <c r="C159" s="20"/>
      <c r="D159" s="20"/>
      <c r="E159" s="20"/>
      <c r="F159" s="20"/>
      <c r="G159" s="21" t="s">
        <v>3863</v>
      </c>
      <c r="H159" s="20"/>
    </row>
    <row r="160" spans="1:8" ht="21.75" customHeight="1" x14ac:dyDescent="0.2">
      <c r="A160" s="49">
        <v>84</v>
      </c>
      <c r="B160" s="18" t="s">
        <v>395</v>
      </c>
      <c r="C160" s="18" t="s">
        <v>396</v>
      </c>
      <c r="D160" s="18" t="s">
        <v>397</v>
      </c>
      <c r="E160" s="18" t="s">
        <v>398</v>
      </c>
      <c r="F160" s="18" t="s">
        <v>399</v>
      </c>
      <c r="G160" s="18" t="s">
        <v>400</v>
      </c>
      <c r="H160" s="18" t="s">
        <v>3864</v>
      </c>
    </row>
    <row r="161" spans="1:8" ht="15" customHeight="1" x14ac:dyDescent="0.2">
      <c r="A161" s="49"/>
      <c r="B161" s="20"/>
      <c r="C161" s="20"/>
      <c r="D161" s="20"/>
      <c r="E161" s="20"/>
      <c r="F161" s="20"/>
      <c r="G161" s="21" t="s">
        <v>3864</v>
      </c>
      <c r="H161" s="20"/>
    </row>
    <row r="162" spans="1:8" ht="21.75" customHeight="1" x14ac:dyDescent="0.2">
      <c r="A162" s="49">
        <v>85</v>
      </c>
      <c r="B162" s="18" t="s">
        <v>395</v>
      </c>
      <c r="C162" s="18" t="s">
        <v>401</v>
      </c>
      <c r="D162" s="18" t="s">
        <v>402</v>
      </c>
      <c r="E162" s="18" t="s">
        <v>403</v>
      </c>
      <c r="F162" s="18" t="s">
        <v>404</v>
      </c>
      <c r="G162" s="18" t="s">
        <v>4898</v>
      </c>
      <c r="H162" s="18" t="s">
        <v>3865</v>
      </c>
    </row>
    <row r="163" spans="1:8" ht="15" customHeight="1" x14ac:dyDescent="0.2">
      <c r="A163" s="49"/>
      <c r="B163" s="20"/>
      <c r="C163" s="20"/>
      <c r="D163" s="20"/>
      <c r="E163" s="20"/>
      <c r="F163" s="20"/>
      <c r="G163" s="21" t="s">
        <v>3745</v>
      </c>
      <c r="H163" s="20"/>
    </row>
    <row r="164" spans="1:8" ht="21.75" customHeight="1" x14ac:dyDescent="0.2">
      <c r="A164" s="49">
        <v>86</v>
      </c>
      <c r="B164" s="18" t="s">
        <v>395</v>
      </c>
      <c r="C164" s="18" t="s">
        <v>405</v>
      </c>
      <c r="D164" s="18" t="s">
        <v>406</v>
      </c>
      <c r="E164" s="18" t="s">
        <v>407</v>
      </c>
      <c r="F164" s="18" t="s">
        <v>408</v>
      </c>
      <c r="G164" s="18" t="s">
        <v>409</v>
      </c>
      <c r="H164" s="18" t="s">
        <v>3866</v>
      </c>
    </row>
    <row r="165" spans="1:8" ht="15" customHeight="1" x14ac:dyDescent="0.2">
      <c r="A165" s="49"/>
      <c r="B165" s="20"/>
      <c r="C165" s="20"/>
      <c r="D165" s="20"/>
      <c r="E165" s="20"/>
      <c r="F165" s="20"/>
      <c r="G165" s="21" t="s">
        <v>3866</v>
      </c>
      <c r="H165" s="20"/>
    </row>
    <row r="166" spans="1:8" ht="21.75" customHeight="1" x14ac:dyDescent="0.2">
      <c r="A166" s="49">
        <v>87</v>
      </c>
      <c r="B166" s="18" t="s">
        <v>395</v>
      </c>
      <c r="C166" s="18" t="s">
        <v>410</v>
      </c>
      <c r="D166" s="18" t="s">
        <v>411</v>
      </c>
      <c r="E166" s="18" t="s">
        <v>412</v>
      </c>
      <c r="F166" s="18" t="s">
        <v>413</v>
      </c>
      <c r="G166" s="18" t="s">
        <v>4899</v>
      </c>
      <c r="H166" s="18" t="s">
        <v>3867</v>
      </c>
    </row>
    <row r="167" spans="1:8" ht="15" customHeight="1" x14ac:dyDescent="0.2">
      <c r="A167" s="49"/>
      <c r="B167" s="20"/>
      <c r="C167" s="20"/>
      <c r="D167" s="20"/>
      <c r="E167" s="20"/>
      <c r="F167" s="20"/>
      <c r="G167" s="20" t="s">
        <v>3745</v>
      </c>
      <c r="H167" s="20"/>
    </row>
    <row r="168" spans="1:8" ht="21.75" customHeight="1" x14ac:dyDescent="0.2">
      <c r="A168" s="49">
        <v>88</v>
      </c>
      <c r="B168" s="18" t="s">
        <v>395</v>
      </c>
      <c r="C168" s="18" t="s">
        <v>414</v>
      </c>
      <c r="D168" s="18" t="s">
        <v>397</v>
      </c>
      <c r="E168" s="18" t="s">
        <v>415</v>
      </c>
      <c r="F168" s="18" t="s">
        <v>416</v>
      </c>
      <c r="G168" s="18" t="s">
        <v>400</v>
      </c>
      <c r="H168" s="18" t="s">
        <v>3864</v>
      </c>
    </row>
    <row r="169" spans="1:8" ht="15" customHeight="1" x14ac:dyDescent="0.2">
      <c r="A169" s="49"/>
      <c r="B169" s="20"/>
      <c r="C169" s="20"/>
      <c r="D169" s="20"/>
      <c r="E169" s="20"/>
      <c r="F169" s="20"/>
      <c r="G169" s="21" t="s">
        <v>3864</v>
      </c>
      <c r="H169" s="20"/>
    </row>
    <row r="170" spans="1:8" ht="21.75" customHeight="1" x14ac:dyDescent="0.2">
      <c r="A170" s="49">
        <v>89</v>
      </c>
      <c r="B170" s="18" t="s">
        <v>395</v>
      </c>
      <c r="C170" s="18" t="s">
        <v>417</v>
      </c>
      <c r="D170" s="18" t="s">
        <v>418</v>
      </c>
      <c r="E170" s="18" t="s">
        <v>419</v>
      </c>
      <c r="F170" s="18" t="s">
        <v>420</v>
      </c>
      <c r="G170" s="18" t="s">
        <v>421</v>
      </c>
      <c r="H170" s="18" t="s">
        <v>421</v>
      </c>
    </row>
    <row r="171" spans="1:8" ht="15" customHeight="1" x14ac:dyDescent="0.2">
      <c r="A171" s="49"/>
      <c r="B171" s="20"/>
      <c r="C171" s="20"/>
      <c r="D171" s="20"/>
      <c r="E171" s="20"/>
      <c r="F171" s="20"/>
      <c r="G171" s="21" t="s">
        <v>3745</v>
      </c>
      <c r="H171" s="20"/>
    </row>
    <row r="172" spans="1:8" ht="21.75" customHeight="1" x14ac:dyDescent="0.2">
      <c r="A172" s="49">
        <v>90</v>
      </c>
      <c r="B172" s="18" t="s">
        <v>395</v>
      </c>
      <c r="C172" s="18" t="s">
        <v>422</v>
      </c>
      <c r="D172" s="18" t="s">
        <v>423</v>
      </c>
      <c r="E172" s="18" t="s">
        <v>424</v>
      </c>
      <c r="F172" s="18" t="s">
        <v>425</v>
      </c>
      <c r="G172" s="18" t="s">
        <v>186</v>
      </c>
      <c r="H172" s="18" t="s">
        <v>3868</v>
      </c>
    </row>
    <row r="173" spans="1:8" ht="15" customHeight="1" x14ac:dyDescent="0.2">
      <c r="A173" s="49"/>
      <c r="B173" s="20"/>
      <c r="C173" s="20"/>
      <c r="D173" s="20"/>
      <c r="E173" s="20"/>
      <c r="F173" s="20"/>
      <c r="G173" s="21" t="s">
        <v>3795</v>
      </c>
      <c r="H173" s="20"/>
    </row>
    <row r="174" spans="1:8" ht="21.75" customHeight="1" x14ac:dyDescent="0.2">
      <c r="A174" s="49">
        <v>91</v>
      </c>
      <c r="B174" s="18" t="s">
        <v>395</v>
      </c>
      <c r="C174" s="18" t="s">
        <v>426</v>
      </c>
      <c r="D174" s="18" t="s">
        <v>427</v>
      </c>
      <c r="E174" s="18" t="s">
        <v>428</v>
      </c>
      <c r="F174" s="18" t="s">
        <v>429</v>
      </c>
      <c r="G174" s="18" t="s">
        <v>430</v>
      </c>
      <c r="H174" s="18" t="s">
        <v>3869</v>
      </c>
    </row>
    <row r="175" spans="1:8" ht="15" customHeight="1" x14ac:dyDescent="0.2">
      <c r="A175" s="49"/>
      <c r="B175" s="20"/>
      <c r="C175" s="20"/>
      <c r="D175" s="20"/>
      <c r="E175" s="20"/>
      <c r="F175" s="20"/>
      <c r="G175" s="21" t="s">
        <v>3870</v>
      </c>
      <c r="H175" s="20"/>
    </row>
    <row r="176" spans="1:8" ht="21.75" customHeight="1" x14ac:dyDescent="0.2">
      <c r="A176" s="49">
        <v>92</v>
      </c>
      <c r="B176" s="18" t="s">
        <v>395</v>
      </c>
      <c r="C176" s="18" t="s">
        <v>431</v>
      </c>
      <c r="D176" s="18" t="s">
        <v>427</v>
      </c>
      <c r="E176" s="18" t="s">
        <v>432</v>
      </c>
      <c r="F176" s="18" t="s">
        <v>433</v>
      </c>
      <c r="G176" s="18" t="s">
        <v>4753</v>
      </c>
      <c r="H176" s="18" t="s">
        <v>3871</v>
      </c>
    </row>
    <row r="177" spans="1:8" ht="15" customHeight="1" x14ac:dyDescent="0.2">
      <c r="A177" s="49"/>
      <c r="B177" s="20"/>
      <c r="C177" s="20"/>
      <c r="D177" s="20"/>
      <c r="E177" s="20"/>
      <c r="F177" s="20"/>
      <c r="G177" s="21" t="s">
        <v>3872</v>
      </c>
      <c r="H177" s="20"/>
    </row>
    <row r="178" spans="1:8" ht="21.75" customHeight="1" x14ac:dyDescent="0.2">
      <c r="A178" s="49">
        <v>93</v>
      </c>
      <c r="B178" s="18" t="s">
        <v>395</v>
      </c>
      <c r="C178" s="18" t="s">
        <v>434</v>
      </c>
      <c r="D178" s="18" t="s">
        <v>435</v>
      </c>
      <c r="E178" s="18" t="s">
        <v>436</v>
      </c>
      <c r="F178" s="18" t="s">
        <v>437</v>
      </c>
      <c r="G178" s="18" t="s">
        <v>4754</v>
      </c>
      <c r="H178" s="18" t="s">
        <v>3873</v>
      </c>
    </row>
    <row r="179" spans="1:8" ht="15" customHeight="1" x14ac:dyDescent="0.2">
      <c r="A179" s="49"/>
      <c r="B179" s="20"/>
      <c r="C179" s="20"/>
      <c r="D179" s="20"/>
      <c r="E179" s="20"/>
      <c r="F179" s="20"/>
      <c r="G179" s="21" t="s">
        <v>4755</v>
      </c>
      <c r="H179" s="20"/>
    </row>
    <row r="180" spans="1:8" ht="21.75" customHeight="1" x14ac:dyDescent="0.2">
      <c r="A180" s="49">
        <v>94</v>
      </c>
      <c r="B180" s="18" t="s">
        <v>395</v>
      </c>
      <c r="C180" s="18" t="s">
        <v>438</v>
      </c>
      <c r="D180" s="18" t="s">
        <v>439</v>
      </c>
      <c r="E180" s="18" t="s">
        <v>440</v>
      </c>
      <c r="F180" s="18" t="s">
        <v>441</v>
      </c>
      <c r="G180" s="18" t="s">
        <v>442</v>
      </c>
      <c r="H180" s="18" t="s">
        <v>3874</v>
      </c>
    </row>
    <row r="181" spans="1:8" ht="15" customHeight="1" x14ac:dyDescent="0.2">
      <c r="A181" s="49"/>
      <c r="B181" s="20"/>
      <c r="C181" s="20"/>
      <c r="D181" s="20"/>
      <c r="E181" s="20"/>
      <c r="F181" s="20"/>
      <c r="G181" s="21" t="s">
        <v>3875</v>
      </c>
      <c r="H181" s="20"/>
    </row>
    <row r="182" spans="1:8" ht="21.75" customHeight="1" x14ac:dyDescent="0.2">
      <c r="A182" s="49">
        <v>95</v>
      </c>
      <c r="B182" s="18" t="s">
        <v>443</v>
      </c>
      <c r="C182" s="18" t="s">
        <v>444</v>
      </c>
      <c r="D182" s="18" t="s">
        <v>445</v>
      </c>
      <c r="E182" s="18" t="s">
        <v>446</v>
      </c>
      <c r="F182" s="18" t="s">
        <v>447</v>
      </c>
      <c r="G182" s="18" t="s">
        <v>448</v>
      </c>
      <c r="H182" s="18" t="s">
        <v>3876</v>
      </c>
    </row>
    <row r="183" spans="1:8" ht="15" customHeight="1" x14ac:dyDescent="0.2">
      <c r="A183" s="49"/>
      <c r="B183" s="20"/>
      <c r="C183" s="20"/>
      <c r="D183" s="20"/>
      <c r="E183" s="20"/>
      <c r="F183" s="20"/>
      <c r="G183" s="21" t="s">
        <v>3745</v>
      </c>
      <c r="H183" s="20"/>
    </row>
    <row r="184" spans="1:8" ht="21.75" customHeight="1" x14ac:dyDescent="0.2">
      <c r="A184" s="49">
        <v>96</v>
      </c>
      <c r="B184" s="18" t="s">
        <v>443</v>
      </c>
      <c r="C184" s="18" t="s">
        <v>449</v>
      </c>
      <c r="D184" s="18" t="s">
        <v>450</v>
      </c>
      <c r="E184" s="18" t="s">
        <v>451</v>
      </c>
      <c r="F184" s="18" t="s">
        <v>452</v>
      </c>
      <c r="G184" s="18" t="s">
        <v>453</v>
      </c>
      <c r="H184" s="18" t="s">
        <v>3877</v>
      </c>
    </row>
    <row r="185" spans="1:8" ht="15" customHeight="1" x14ac:dyDescent="0.2">
      <c r="A185" s="49"/>
      <c r="B185" s="20"/>
      <c r="C185" s="20"/>
      <c r="D185" s="20"/>
      <c r="E185" s="20"/>
      <c r="F185" s="20"/>
      <c r="G185" s="21" t="s">
        <v>3878</v>
      </c>
      <c r="H185" s="20"/>
    </row>
    <row r="186" spans="1:8" ht="21" customHeight="1" x14ac:dyDescent="0.2">
      <c r="A186" s="49">
        <v>97</v>
      </c>
      <c r="B186" s="18" t="s">
        <v>443</v>
      </c>
      <c r="C186" s="18" t="s">
        <v>454</v>
      </c>
      <c r="D186" s="18" t="s">
        <v>455</v>
      </c>
      <c r="E186" s="18" t="s">
        <v>456</v>
      </c>
      <c r="F186" s="18" t="s">
        <v>457</v>
      </c>
      <c r="G186" s="18" t="s">
        <v>458</v>
      </c>
      <c r="H186" s="18" t="s">
        <v>3879</v>
      </c>
    </row>
    <row r="187" spans="1:8" ht="15" customHeight="1" x14ac:dyDescent="0.2">
      <c r="A187" s="49"/>
      <c r="B187" s="20"/>
      <c r="C187" s="20"/>
      <c r="D187" s="20"/>
      <c r="E187" s="20"/>
      <c r="F187" s="20"/>
      <c r="G187" s="21" t="s">
        <v>3880</v>
      </c>
      <c r="H187" s="20"/>
    </row>
    <row r="188" spans="1:8" ht="21.75" customHeight="1" x14ac:dyDescent="0.2">
      <c r="A188" s="49">
        <v>98</v>
      </c>
      <c r="B188" s="18" t="s">
        <v>443</v>
      </c>
      <c r="C188" s="18" t="s">
        <v>459</v>
      </c>
      <c r="D188" s="18" t="s">
        <v>460</v>
      </c>
      <c r="E188" s="18" t="s">
        <v>461</v>
      </c>
      <c r="F188" s="18" t="s">
        <v>462</v>
      </c>
      <c r="G188" s="18" t="s">
        <v>463</v>
      </c>
      <c r="H188" s="18" t="s">
        <v>3881</v>
      </c>
    </row>
    <row r="189" spans="1:8" ht="15" customHeight="1" x14ac:dyDescent="0.2">
      <c r="A189" s="49"/>
      <c r="B189" s="20"/>
      <c r="C189" s="20"/>
      <c r="D189" s="20"/>
      <c r="E189" s="20"/>
      <c r="F189" s="20"/>
      <c r="G189" s="21" t="s">
        <v>3881</v>
      </c>
      <c r="H189" s="20"/>
    </row>
    <row r="190" spans="1:8" ht="21.75" customHeight="1" x14ac:dyDescent="0.2">
      <c r="A190" s="49">
        <v>99</v>
      </c>
      <c r="B190" s="18" t="s">
        <v>443</v>
      </c>
      <c r="C190" s="18" t="s">
        <v>464</v>
      </c>
      <c r="D190" s="18" t="s">
        <v>465</v>
      </c>
      <c r="E190" s="18" t="s">
        <v>466</v>
      </c>
      <c r="F190" s="18" t="s">
        <v>467</v>
      </c>
      <c r="G190" s="18" t="s">
        <v>468</v>
      </c>
      <c r="H190" s="18" t="s">
        <v>3882</v>
      </c>
    </row>
    <row r="191" spans="1:8" ht="15" customHeight="1" x14ac:dyDescent="0.2">
      <c r="A191" s="49"/>
      <c r="B191" s="20"/>
      <c r="C191" s="20"/>
      <c r="D191" s="20"/>
      <c r="E191" s="20"/>
      <c r="F191" s="20"/>
      <c r="G191" s="21" t="s">
        <v>3882</v>
      </c>
      <c r="H191" s="20"/>
    </row>
    <row r="192" spans="1:8" ht="21.75" customHeight="1" x14ac:dyDescent="0.2">
      <c r="A192" s="49">
        <v>100</v>
      </c>
      <c r="B192" s="18" t="s">
        <v>443</v>
      </c>
      <c r="C192" s="18" t="s">
        <v>469</v>
      </c>
      <c r="D192" s="18" t="s">
        <v>470</v>
      </c>
      <c r="E192" s="18" t="s">
        <v>471</v>
      </c>
      <c r="F192" s="18" t="s">
        <v>472</v>
      </c>
      <c r="G192" s="18" t="s">
        <v>473</v>
      </c>
      <c r="H192" s="18" t="s">
        <v>3883</v>
      </c>
    </row>
    <row r="193" spans="1:8" ht="15" customHeight="1" x14ac:dyDescent="0.2">
      <c r="A193" s="49"/>
      <c r="B193" s="20"/>
      <c r="C193" s="20"/>
      <c r="D193" s="20"/>
      <c r="E193" s="20"/>
      <c r="F193" s="20"/>
      <c r="G193" s="21" t="s">
        <v>3884</v>
      </c>
      <c r="H193" s="20"/>
    </row>
    <row r="194" spans="1:8" ht="21.75" customHeight="1" x14ac:dyDescent="0.2">
      <c r="A194" s="49">
        <v>101</v>
      </c>
      <c r="B194" s="18" t="s">
        <v>443</v>
      </c>
      <c r="C194" s="18" t="s">
        <v>474</v>
      </c>
      <c r="D194" s="18" t="s">
        <v>475</v>
      </c>
      <c r="E194" s="18" t="s">
        <v>476</v>
      </c>
      <c r="F194" s="18" t="s">
        <v>477</v>
      </c>
      <c r="G194" s="18" t="s">
        <v>478</v>
      </c>
      <c r="H194" s="18" t="s">
        <v>3885</v>
      </c>
    </row>
    <row r="195" spans="1:8" ht="15" customHeight="1" x14ac:dyDescent="0.2">
      <c r="A195" s="49"/>
      <c r="B195" s="20"/>
      <c r="C195" s="20"/>
      <c r="D195" s="20"/>
      <c r="E195" s="20"/>
      <c r="F195" s="20"/>
      <c r="G195" s="21" t="s">
        <v>3886</v>
      </c>
      <c r="H195" s="20"/>
    </row>
    <row r="196" spans="1:8" ht="21.75" customHeight="1" x14ac:dyDescent="0.2">
      <c r="A196" s="49">
        <v>102</v>
      </c>
      <c r="B196" s="18" t="s">
        <v>443</v>
      </c>
      <c r="C196" s="18" t="s">
        <v>479</v>
      </c>
      <c r="D196" s="18" t="s">
        <v>480</v>
      </c>
      <c r="E196" s="18" t="s">
        <v>481</v>
      </c>
      <c r="F196" s="18" t="s">
        <v>482</v>
      </c>
      <c r="G196" s="18" t="s">
        <v>483</v>
      </c>
      <c r="H196" s="18" t="s">
        <v>3887</v>
      </c>
    </row>
    <row r="197" spans="1:8" ht="15" customHeight="1" x14ac:dyDescent="0.2">
      <c r="A197" s="49"/>
      <c r="B197" s="20"/>
      <c r="C197" s="20"/>
      <c r="D197" s="20"/>
      <c r="E197" s="20"/>
      <c r="F197" s="20"/>
      <c r="G197" s="21" t="s">
        <v>3745</v>
      </c>
      <c r="H197" s="20"/>
    </row>
    <row r="198" spans="1:8" ht="21.75" customHeight="1" x14ac:dyDescent="0.2">
      <c r="A198" s="49">
        <v>103</v>
      </c>
      <c r="B198" s="18" t="s">
        <v>443</v>
      </c>
      <c r="C198" s="18" t="s">
        <v>484</v>
      </c>
      <c r="D198" s="18" t="s">
        <v>485</v>
      </c>
      <c r="E198" s="18" t="s">
        <v>486</v>
      </c>
      <c r="F198" s="18" t="s">
        <v>487</v>
      </c>
      <c r="G198" s="18" t="s">
        <v>488</v>
      </c>
      <c r="H198" s="18" t="s">
        <v>3888</v>
      </c>
    </row>
    <row r="199" spans="1:8" ht="15" customHeight="1" x14ac:dyDescent="0.2">
      <c r="A199" s="49"/>
      <c r="B199" s="20"/>
      <c r="C199" s="20"/>
      <c r="D199" s="20"/>
      <c r="E199" s="20"/>
      <c r="F199" s="20"/>
      <c r="G199" s="21" t="s">
        <v>3889</v>
      </c>
      <c r="H199" s="20"/>
    </row>
    <row r="200" spans="1:8" ht="21.75" customHeight="1" x14ac:dyDescent="0.2">
      <c r="A200" s="49">
        <v>104</v>
      </c>
      <c r="B200" s="18" t="s">
        <v>443</v>
      </c>
      <c r="C200" s="18" t="s">
        <v>489</v>
      </c>
      <c r="D200" s="18" t="s">
        <v>490</v>
      </c>
      <c r="E200" s="18" t="s">
        <v>491</v>
      </c>
      <c r="F200" s="18" t="s">
        <v>492</v>
      </c>
      <c r="G200" s="18" t="s">
        <v>493</v>
      </c>
      <c r="H200" s="18" t="s">
        <v>3890</v>
      </c>
    </row>
    <row r="201" spans="1:8" ht="15" customHeight="1" x14ac:dyDescent="0.2">
      <c r="A201" s="49"/>
      <c r="B201" s="20"/>
      <c r="C201" s="20"/>
      <c r="D201" s="20"/>
      <c r="E201" s="20"/>
      <c r="F201" s="20"/>
      <c r="G201" s="21" t="s">
        <v>3890</v>
      </c>
      <c r="H201" s="20"/>
    </row>
    <row r="202" spans="1:8" ht="21.75" customHeight="1" x14ac:dyDescent="0.2">
      <c r="A202" s="49">
        <v>105</v>
      </c>
      <c r="B202" s="18" t="s">
        <v>443</v>
      </c>
      <c r="C202" s="18" t="s">
        <v>494</v>
      </c>
      <c r="D202" s="18" t="s">
        <v>495</v>
      </c>
      <c r="E202" s="18" t="s">
        <v>496</v>
      </c>
      <c r="F202" s="18" t="s">
        <v>497</v>
      </c>
      <c r="G202" s="18" t="s">
        <v>498</v>
      </c>
      <c r="H202" s="18" t="s">
        <v>3891</v>
      </c>
    </row>
    <row r="203" spans="1:8" ht="15" customHeight="1" x14ac:dyDescent="0.2">
      <c r="A203" s="49"/>
      <c r="B203" s="20"/>
      <c r="C203" s="20"/>
      <c r="D203" s="20"/>
      <c r="E203" s="20"/>
      <c r="F203" s="20"/>
      <c r="G203" s="21" t="s">
        <v>3892</v>
      </c>
      <c r="H203" s="20"/>
    </row>
    <row r="204" spans="1:8" ht="21.75" customHeight="1" x14ac:dyDescent="0.2">
      <c r="A204" s="49">
        <v>106</v>
      </c>
      <c r="B204" s="18" t="s">
        <v>443</v>
      </c>
      <c r="C204" s="18" t="s">
        <v>499</v>
      </c>
      <c r="D204" s="18" t="s">
        <v>500</v>
      </c>
      <c r="E204" s="18" t="s">
        <v>501</v>
      </c>
      <c r="F204" s="18" t="s">
        <v>502</v>
      </c>
      <c r="G204" s="18" t="s">
        <v>503</v>
      </c>
      <c r="H204" s="18" t="s">
        <v>3893</v>
      </c>
    </row>
    <row r="205" spans="1:8" ht="15" customHeight="1" x14ac:dyDescent="0.2">
      <c r="A205" s="49"/>
      <c r="B205" s="20"/>
      <c r="C205" s="20"/>
      <c r="D205" s="20"/>
      <c r="E205" s="20"/>
      <c r="F205" s="20"/>
      <c r="G205" s="21" t="s">
        <v>3745</v>
      </c>
      <c r="H205" s="20"/>
    </row>
    <row r="206" spans="1:8" ht="21.6" customHeight="1" x14ac:dyDescent="0.2">
      <c r="A206" s="49">
        <v>107</v>
      </c>
      <c r="B206" s="18" t="s">
        <v>443</v>
      </c>
      <c r="C206" s="18" t="s">
        <v>504</v>
      </c>
      <c r="D206" s="18" t="s">
        <v>505</v>
      </c>
      <c r="E206" s="18" t="s">
        <v>506</v>
      </c>
      <c r="F206" s="18" t="s">
        <v>507</v>
      </c>
      <c r="G206" s="18" t="s">
        <v>508</v>
      </c>
      <c r="H206" s="18" t="s">
        <v>3894</v>
      </c>
    </row>
    <row r="207" spans="1:8" ht="15" customHeight="1" x14ac:dyDescent="0.2">
      <c r="A207" s="49"/>
      <c r="B207" s="20"/>
      <c r="C207" s="20"/>
      <c r="D207" s="20"/>
      <c r="E207" s="20"/>
      <c r="F207" s="20"/>
      <c r="G207" s="21" t="s">
        <v>3895</v>
      </c>
      <c r="H207" s="20"/>
    </row>
    <row r="208" spans="1:8" ht="21.75" customHeight="1" x14ac:dyDescent="0.2">
      <c r="A208" s="49">
        <v>108</v>
      </c>
      <c r="B208" s="18" t="s">
        <v>443</v>
      </c>
      <c r="C208" s="18" t="s">
        <v>509</v>
      </c>
      <c r="D208" s="18" t="s">
        <v>510</v>
      </c>
      <c r="E208" s="18" t="s">
        <v>511</v>
      </c>
      <c r="F208" s="18" t="s">
        <v>512</v>
      </c>
      <c r="G208" s="18" t="s">
        <v>508</v>
      </c>
      <c r="H208" s="18" t="s">
        <v>3896</v>
      </c>
    </row>
    <row r="209" spans="1:8" ht="15" customHeight="1" x14ac:dyDescent="0.2">
      <c r="A209" s="49"/>
      <c r="B209" s="20"/>
      <c r="C209" s="20"/>
      <c r="D209" s="20"/>
      <c r="E209" s="20"/>
      <c r="F209" s="20"/>
      <c r="G209" s="21" t="s">
        <v>3895</v>
      </c>
      <c r="H209" s="20"/>
    </row>
    <row r="210" spans="1:8" ht="21.75" customHeight="1" x14ac:dyDescent="0.2">
      <c r="A210" s="49">
        <v>109</v>
      </c>
      <c r="B210" s="18" t="s">
        <v>443</v>
      </c>
      <c r="C210" s="18" t="s">
        <v>513</v>
      </c>
      <c r="D210" s="18" t="s">
        <v>514</v>
      </c>
      <c r="E210" s="18" t="s">
        <v>515</v>
      </c>
      <c r="F210" s="18" t="s">
        <v>516</v>
      </c>
      <c r="G210" s="18" t="s">
        <v>517</v>
      </c>
      <c r="H210" s="18" t="s">
        <v>517</v>
      </c>
    </row>
    <row r="211" spans="1:8" ht="15" customHeight="1" x14ac:dyDescent="0.2">
      <c r="A211" s="49"/>
      <c r="B211" s="20"/>
      <c r="C211" s="20"/>
      <c r="D211" s="20"/>
      <c r="E211" s="20"/>
      <c r="F211" s="20"/>
      <c r="G211" s="21" t="s">
        <v>3745</v>
      </c>
      <c r="H211" s="20"/>
    </row>
    <row r="212" spans="1:8" ht="21.75" customHeight="1" x14ac:dyDescent="0.2">
      <c r="A212" s="49">
        <v>110</v>
      </c>
      <c r="B212" s="18" t="s">
        <v>443</v>
      </c>
      <c r="C212" s="18" t="s">
        <v>518</v>
      </c>
      <c r="D212" s="18" t="s">
        <v>505</v>
      </c>
      <c r="E212" s="18" t="s">
        <v>519</v>
      </c>
      <c r="F212" s="18" t="s">
        <v>520</v>
      </c>
      <c r="G212" s="18" t="s">
        <v>521</v>
      </c>
      <c r="H212" s="18" t="s">
        <v>3897</v>
      </c>
    </row>
    <row r="213" spans="1:8" ht="15" customHeight="1" x14ac:dyDescent="0.2">
      <c r="A213" s="49"/>
      <c r="B213" s="20"/>
      <c r="C213" s="20"/>
      <c r="D213" s="20"/>
      <c r="E213" s="20"/>
      <c r="F213" s="20"/>
      <c r="G213" s="21" t="s">
        <v>3745</v>
      </c>
      <c r="H213" s="20"/>
    </row>
    <row r="214" spans="1:8" ht="21.75" customHeight="1" x14ac:dyDescent="0.2">
      <c r="A214" s="49">
        <v>111</v>
      </c>
      <c r="B214" s="18" t="s">
        <v>443</v>
      </c>
      <c r="C214" s="18" t="s">
        <v>522</v>
      </c>
      <c r="D214" s="18" t="s">
        <v>523</v>
      </c>
      <c r="E214" s="18" t="s">
        <v>524</v>
      </c>
      <c r="F214" s="18" t="s">
        <v>525</v>
      </c>
      <c r="G214" s="18" t="s">
        <v>526</v>
      </c>
      <c r="H214" s="18" t="s">
        <v>3898</v>
      </c>
    </row>
    <row r="215" spans="1:8" ht="15" customHeight="1" x14ac:dyDescent="0.2">
      <c r="A215" s="49"/>
      <c r="B215" s="20"/>
      <c r="C215" s="20"/>
      <c r="D215" s="20"/>
      <c r="E215" s="20"/>
      <c r="F215" s="20"/>
      <c r="G215" s="21" t="s">
        <v>3899</v>
      </c>
      <c r="H215" s="20"/>
    </row>
    <row r="216" spans="1:8" ht="21" customHeight="1" x14ac:dyDescent="0.2">
      <c r="A216" s="49">
        <v>112</v>
      </c>
      <c r="B216" s="18" t="s">
        <v>443</v>
      </c>
      <c r="C216" s="18" t="s">
        <v>527</v>
      </c>
      <c r="D216" s="18" t="s">
        <v>528</v>
      </c>
      <c r="E216" s="18" t="s">
        <v>529</v>
      </c>
      <c r="F216" s="18" t="s">
        <v>530</v>
      </c>
      <c r="G216" s="18" t="s">
        <v>531</v>
      </c>
      <c r="H216" s="18" t="s">
        <v>3900</v>
      </c>
    </row>
    <row r="217" spans="1:8" ht="15" customHeight="1" x14ac:dyDescent="0.2">
      <c r="A217" s="49"/>
      <c r="B217" s="20"/>
      <c r="C217" s="20"/>
      <c r="D217" s="20"/>
      <c r="E217" s="20"/>
      <c r="F217" s="20"/>
      <c r="G217" s="21" t="s">
        <v>3900</v>
      </c>
      <c r="H217" s="20"/>
    </row>
    <row r="218" spans="1:8" ht="21.75" customHeight="1" x14ac:dyDescent="0.2">
      <c r="A218" s="49">
        <v>113</v>
      </c>
      <c r="B218" s="18" t="s">
        <v>443</v>
      </c>
      <c r="C218" s="18" t="s">
        <v>532</v>
      </c>
      <c r="D218" s="18" t="s">
        <v>533</v>
      </c>
      <c r="E218" s="18" t="s">
        <v>534</v>
      </c>
      <c r="F218" s="18" t="s">
        <v>535</v>
      </c>
      <c r="G218" s="18" t="s">
        <v>536</v>
      </c>
      <c r="H218" s="18" t="s">
        <v>3901</v>
      </c>
    </row>
    <row r="219" spans="1:8" ht="15" customHeight="1" x14ac:dyDescent="0.2">
      <c r="A219" s="49"/>
      <c r="B219" s="20"/>
      <c r="C219" s="20"/>
      <c r="D219" s="20"/>
      <c r="E219" s="20"/>
      <c r="F219" s="20"/>
      <c r="G219" s="21" t="s">
        <v>3902</v>
      </c>
      <c r="H219" s="20"/>
    </row>
    <row r="220" spans="1:8" ht="21.75" customHeight="1" x14ac:dyDescent="0.2">
      <c r="A220" s="49">
        <v>114</v>
      </c>
      <c r="B220" s="18" t="s">
        <v>443</v>
      </c>
      <c r="C220" s="18" t="s">
        <v>537</v>
      </c>
      <c r="D220" s="18" t="s">
        <v>445</v>
      </c>
      <c r="E220" s="18" t="s">
        <v>538</v>
      </c>
      <c r="F220" s="18" t="s">
        <v>539</v>
      </c>
      <c r="G220" s="18" t="s">
        <v>540</v>
      </c>
      <c r="H220" s="23" t="s">
        <v>3234</v>
      </c>
    </row>
    <row r="221" spans="1:8" ht="15" customHeight="1" x14ac:dyDescent="0.2">
      <c r="A221" s="49"/>
      <c r="B221" s="20"/>
      <c r="C221" s="20"/>
      <c r="D221" s="20"/>
      <c r="E221" s="20"/>
      <c r="F221" s="20"/>
      <c r="G221" s="21" t="s">
        <v>3745</v>
      </c>
      <c r="H221" s="20"/>
    </row>
    <row r="222" spans="1:8" ht="21.75" customHeight="1" x14ac:dyDescent="0.2">
      <c r="A222" s="49">
        <v>115</v>
      </c>
      <c r="B222" s="18" t="s">
        <v>443</v>
      </c>
      <c r="C222" s="18" t="s">
        <v>541</v>
      </c>
      <c r="D222" s="18" t="s">
        <v>505</v>
      </c>
      <c r="E222" s="18" t="s">
        <v>542</v>
      </c>
      <c r="F222" s="18" t="s">
        <v>543</v>
      </c>
      <c r="G222" s="18" t="s">
        <v>544</v>
      </c>
      <c r="H222" s="18" t="s">
        <v>3903</v>
      </c>
    </row>
    <row r="223" spans="1:8" ht="15" customHeight="1" x14ac:dyDescent="0.2">
      <c r="A223" s="49"/>
      <c r="B223" s="20"/>
      <c r="C223" s="20"/>
      <c r="D223" s="20"/>
      <c r="E223" s="20"/>
      <c r="F223" s="20"/>
      <c r="G223" s="21" t="s">
        <v>3904</v>
      </c>
      <c r="H223" s="20"/>
    </row>
    <row r="224" spans="1:8" ht="21.75" customHeight="1" x14ac:dyDescent="0.2">
      <c r="A224" s="49">
        <v>116</v>
      </c>
      <c r="B224" s="18" t="s">
        <v>443</v>
      </c>
      <c r="C224" s="18" t="s">
        <v>545</v>
      </c>
      <c r="D224" s="18" t="s">
        <v>533</v>
      </c>
      <c r="E224" s="18" t="s">
        <v>546</v>
      </c>
      <c r="F224" s="18" t="s">
        <v>547</v>
      </c>
      <c r="G224" s="18" t="s">
        <v>548</v>
      </c>
      <c r="H224" s="18" t="s">
        <v>3905</v>
      </c>
    </row>
    <row r="225" spans="1:8" ht="15" customHeight="1" x14ac:dyDescent="0.2">
      <c r="A225" s="49"/>
      <c r="B225" s="20"/>
      <c r="C225" s="20"/>
      <c r="D225" s="20"/>
      <c r="E225" s="20"/>
      <c r="F225" s="20"/>
      <c r="G225" s="21" t="s">
        <v>3906</v>
      </c>
      <c r="H225" s="20"/>
    </row>
    <row r="226" spans="1:8" ht="21.75" customHeight="1" x14ac:dyDescent="0.2">
      <c r="A226" s="49">
        <v>117</v>
      </c>
      <c r="B226" s="18" t="s">
        <v>549</v>
      </c>
      <c r="C226" s="18" t="s">
        <v>550</v>
      </c>
      <c r="D226" s="18" t="s">
        <v>551</v>
      </c>
      <c r="E226" s="18" t="s">
        <v>552</v>
      </c>
      <c r="F226" s="18" t="s">
        <v>553</v>
      </c>
      <c r="G226" s="18" t="s">
        <v>554</v>
      </c>
      <c r="H226" s="18" t="s">
        <v>3907</v>
      </c>
    </row>
    <row r="227" spans="1:8" ht="15" customHeight="1" x14ac:dyDescent="0.2">
      <c r="A227" s="49"/>
      <c r="B227" s="20"/>
      <c r="C227" s="20"/>
      <c r="D227" s="20"/>
      <c r="E227" s="20"/>
      <c r="F227" s="20"/>
      <c r="G227" s="21" t="s">
        <v>4756</v>
      </c>
      <c r="H227" s="20"/>
    </row>
    <row r="228" spans="1:8" ht="21.75" customHeight="1" x14ac:dyDescent="0.2">
      <c r="A228" s="49">
        <v>118</v>
      </c>
      <c r="B228" s="18" t="s">
        <v>549</v>
      </c>
      <c r="C228" s="18" t="s">
        <v>555</v>
      </c>
      <c r="D228" s="18" t="s">
        <v>556</v>
      </c>
      <c r="E228" s="18" t="s">
        <v>557</v>
      </c>
      <c r="F228" s="18" t="s">
        <v>558</v>
      </c>
      <c r="G228" s="18" t="s">
        <v>559</v>
      </c>
      <c r="H228" s="18" t="s">
        <v>4757</v>
      </c>
    </row>
    <row r="229" spans="1:8" ht="15" customHeight="1" x14ac:dyDescent="0.2">
      <c r="A229" s="49"/>
      <c r="B229" s="20"/>
      <c r="C229" s="20"/>
      <c r="D229" s="20"/>
      <c r="E229" s="20"/>
      <c r="F229" s="20"/>
      <c r="G229" s="21" t="s">
        <v>3908</v>
      </c>
      <c r="H229" s="20"/>
    </row>
    <row r="230" spans="1:8" ht="21.75" customHeight="1" x14ac:dyDescent="0.2">
      <c r="A230" s="49">
        <v>119</v>
      </c>
      <c r="B230" s="18" t="s">
        <v>549</v>
      </c>
      <c r="C230" s="18" t="s">
        <v>560</v>
      </c>
      <c r="D230" s="18" t="s">
        <v>561</v>
      </c>
      <c r="E230" s="18" t="s">
        <v>562</v>
      </c>
      <c r="F230" s="18" t="s">
        <v>563</v>
      </c>
      <c r="G230" s="18" t="s">
        <v>564</v>
      </c>
      <c r="H230" s="18" t="s">
        <v>3909</v>
      </c>
    </row>
    <row r="231" spans="1:8" ht="15" customHeight="1" x14ac:dyDescent="0.2">
      <c r="A231" s="49"/>
      <c r="B231" s="20"/>
      <c r="C231" s="20"/>
      <c r="D231" s="20"/>
      <c r="E231" s="20"/>
      <c r="F231" s="20"/>
      <c r="G231" s="21" t="s">
        <v>3745</v>
      </c>
      <c r="H231" s="20"/>
    </row>
    <row r="232" spans="1:8" ht="21.75" customHeight="1" x14ac:dyDescent="0.2">
      <c r="A232" s="49">
        <v>120</v>
      </c>
      <c r="B232" s="18" t="s">
        <v>549</v>
      </c>
      <c r="C232" s="18" t="s">
        <v>565</v>
      </c>
      <c r="D232" s="18" t="s">
        <v>566</v>
      </c>
      <c r="E232" s="18" t="s">
        <v>567</v>
      </c>
      <c r="F232" s="18" t="s">
        <v>568</v>
      </c>
      <c r="G232" s="18" t="s">
        <v>569</v>
      </c>
      <c r="H232" s="18" t="s">
        <v>3910</v>
      </c>
    </row>
    <row r="233" spans="1:8" ht="15" customHeight="1" x14ac:dyDescent="0.2">
      <c r="A233" s="49"/>
      <c r="B233" s="20"/>
      <c r="C233" s="20"/>
      <c r="D233" s="20"/>
      <c r="E233" s="20"/>
      <c r="F233" s="20"/>
      <c r="G233" s="20" t="s">
        <v>3911</v>
      </c>
      <c r="H233" s="20"/>
    </row>
    <row r="234" spans="1:8" ht="21.75" customHeight="1" x14ac:dyDescent="0.2">
      <c r="A234" s="49">
        <v>121</v>
      </c>
      <c r="B234" s="18" t="s">
        <v>549</v>
      </c>
      <c r="C234" s="18" t="s">
        <v>570</v>
      </c>
      <c r="D234" s="18" t="s">
        <v>571</v>
      </c>
      <c r="E234" s="18" t="s">
        <v>572</v>
      </c>
      <c r="F234" s="18" t="s">
        <v>573</v>
      </c>
      <c r="G234" s="18" t="s">
        <v>574</v>
      </c>
      <c r="H234" s="18" t="s">
        <v>3912</v>
      </c>
    </row>
    <row r="235" spans="1:8" ht="15" customHeight="1" x14ac:dyDescent="0.2">
      <c r="A235" s="49"/>
      <c r="B235" s="20"/>
      <c r="C235" s="20"/>
      <c r="D235" s="20"/>
      <c r="E235" s="20"/>
      <c r="F235" s="20"/>
      <c r="G235" s="21" t="s">
        <v>3745</v>
      </c>
      <c r="H235" s="20"/>
    </row>
    <row r="236" spans="1:8" ht="21.75" customHeight="1" x14ac:dyDescent="0.2">
      <c r="A236" s="49">
        <v>122</v>
      </c>
      <c r="B236" s="18" t="s">
        <v>549</v>
      </c>
      <c r="C236" s="18" t="s">
        <v>575</v>
      </c>
      <c r="D236" s="18" t="s">
        <v>576</v>
      </c>
      <c r="E236" s="18" t="s">
        <v>577</v>
      </c>
      <c r="F236" s="18" t="s">
        <v>578</v>
      </c>
      <c r="G236" s="18" t="s">
        <v>579</v>
      </c>
      <c r="H236" s="18" t="s">
        <v>3913</v>
      </c>
    </row>
    <row r="237" spans="1:8" ht="15" customHeight="1" x14ac:dyDescent="0.2">
      <c r="A237" s="49"/>
      <c r="B237" s="20"/>
      <c r="C237" s="20"/>
      <c r="D237" s="20"/>
      <c r="E237" s="20"/>
      <c r="F237" s="20"/>
      <c r="G237" s="21" t="s">
        <v>3913</v>
      </c>
      <c r="H237" s="20"/>
    </row>
    <row r="238" spans="1:8" ht="21.75" customHeight="1" x14ac:dyDescent="0.2">
      <c r="A238" s="49">
        <v>123</v>
      </c>
      <c r="B238" s="18" t="s">
        <v>549</v>
      </c>
      <c r="C238" s="18" t="s">
        <v>580</v>
      </c>
      <c r="D238" s="18" t="s">
        <v>581</v>
      </c>
      <c r="E238" s="18" t="s">
        <v>582</v>
      </c>
      <c r="F238" s="18" t="s">
        <v>583</v>
      </c>
      <c r="G238" s="18" t="s">
        <v>584</v>
      </c>
      <c r="H238" s="18" t="s">
        <v>3914</v>
      </c>
    </row>
    <row r="239" spans="1:8" ht="15" customHeight="1" x14ac:dyDescent="0.2">
      <c r="A239" s="49"/>
      <c r="B239" s="20"/>
      <c r="C239" s="20"/>
      <c r="D239" s="20"/>
      <c r="E239" s="20"/>
      <c r="F239" s="20"/>
      <c r="G239" s="21" t="s">
        <v>4758</v>
      </c>
      <c r="H239" s="20"/>
    </row>
    <row r="240" spans="1:8" ht="21.75" customHeight="1" x14ac:dyDescent="0.2">
      <c r="A240" s="49">
        <v>124</v>
      </c>
      <c r="B240" s="18" t="s">
        <v>549</v>
      </c>
      <c r="C240" s="18" t="s">
        <v>585</v>
      </c>
      <c r="D240" s="18" t="s">
        <v>571</v>
      </c>
      <c r="E240" s="18" t="s">
        <v>586</v>
      </c>
      <c r="F240" s="18" t="s">
        <v>587</v>
      </c>
      <c r="G240" s="18" t="s">
        <v>588</v>
      </c>
      <c r="H240" s="18" t="s">
        <v>3912</v>
      </c>
    </row>
    <row r="241" spans="1:8" ht="15" customHeight="1" x14ac:dyDescent="0.2">
      <c r="A241" s="49"/>
      <c r="B241" s="20"/>
      <c r="C241" s="20"/>
      <c r="D241" s="20"/>
      <c r="E241" s="20"/>
      <c r="F241" s="20"/>
      <c r="G241" s="21" t="s">
        <v>3912</v>
      </c>
      <c r="H241" s="20"/>
    </row>
    <row r="242" spans="1:8" ht="21.75" customHeight="1" x14ac:dyDescent="0.2">
      <c r="A242" s="49">
        <v>125</v>
      </c>
      <c r="B242" s="18" t="s">
        <v>549</v>
      </c>
      <c r="C242" s="18" t="s">
        <v>589</v>
      </c>
      <c r="D242" s="18" t="s">
        <v>581</v>
      </c>
      <c r="E242" s="18" t="s">
        <v>590</v>
      </c>
      <c r="F242" s="18" t="s">
        <v>591</v>
      </c>
      <c r="G242" s="18" t="s">
        <v>592</v>
      </c>
      <c r="H242" s="18" t="s">
        <v>3915</v>
      </c>
    </row>
    <row r="243" spans="1:8" ht="15" customHeight="1" x14ac:dyDescent="0.2">
      <c r="A243" s="49"/>
      <c r="B243" s="20"/>
      <c r="C243" s="20"/>
      <c r="D243" s="20"/>
      <c r="E243" s="20"/>
      <c r="F243" s="20"/>
      <c r="G243" s="21" t="s">
        <v>3916</v>
      </c>
      <c r="H243" s="20"/>
    </row>
    <row r="244" spans="1:8" ht="21.75" customHeight="1" x14ac:dyDescent="0.2">
      <c r="A244" s="49">
        <v>126</v>
      </c>
      <c r="B244" s="18" t="s">
        <v>549</v>
      </c>
      <c r="C244" s="18" t="s">
        <v>593</v>
      </c>
      <c r="D244" s="18" t="s">
        <v>571</v>
      </c>
      <c r="E244" s="18" t="s">
        <v>594</v>
      </c>
      <c r="F244" s="18" t="s">
        <v>595</v>
      </c>
      <c r="G244" s="18" t="s">
        <v>596</v>
      </c>
      <c r="H244" s="23" t="s">
        <v>3235</v>
      </c>
    </row>
    <row r="245" spans="1:8" ht="15" customHeight="1" x14ac:dyDescent="0.2">
      <c r="A245" s="49"/>
      <c r="B245" s="20"/>
      <c r="C245" s="20"/>
      <c r="D245" s="20"/>
      <c r="E245" s="20"/>
      <c r="F245" s="20"/>
      <c r="G245" s="21" t="s">
        <v>3917</v>
      </c>
      <c r="H245" s="20"/>
    </row>
    <row r="246" spans="1:8" ht="21.75" customHeight="1" x14ac:dyDescent="0.2">
      <c r="A246" s="49">
        <v>127</v>
      </c>
      <c r="B246" s="18" t="s">
        <v>549</v>
      </c>
      <c r="C246" s="18" t="s">
        <v>597</v>
      </c>
      <c r="D246" s="18" t="s">
        <v>598</v>
      </c>
      <c r="E246" s="18" t="s">
        <v>599</v>
      </c>
      <c r="F246" s="18" t="s">
        <v>600</v>
      </c>
      <c r="G246" s="18" t="s">
        <v>601</v>
      </c>
      <c r="H246" s="18" t="s">
        <v>3918</v>
      </c>
    </row>
    <row r="247" spans="1:8" ht="15" customHeight="1" x14ac:dyDescent="0.2">
      <c r="A247" s="49"/>
      <c r="B247" s="20"/>
      <c r="C247" s="20"/>
      <c r="D247" s="20"/>
      <c r="E247" s="20"/>
      <c r="F247" s="20"/>
      <c r="G247" s="21" t="s">
        <v>3918</v>
      </c>
      <c r="H247" s="20"/>
    </row>
    <row r="248" spans="1:8" ht="21.75" customHeight="1" x14ac:dyDescent="0.2">
      <c r="A248" s="49">
        <v>128</v>
      </c>
      <c r="B248" s="18" t="s">
        <v>549</v>
      </c>
      <c r="C248" s="18" t="s">
        <v>602</v>
      </c>
      <c r="D248" s="18" t="s">
        <v>603</v>
      </c>
      <c r="E248" s="18" t="s">
        <v>604</v>
      </c>
      <c r="F248" s="18" t="s">
        <v>605</v>
      </c>
      <c r="G248" s="18" t="s">
        <v>606</v>
      </c>
      <c r="H248" s="18" t="s">
        <v>3919</v>
      </c>
    </row>
    <row r="249" spans="1:8" ht="15" customHeight="1" x14ac:dyDescent="0.2">
      <c r="A249" s="49"/>
      <c r="B249" s="20"/>
      <c r="C249" s="20"/>
      <c r="D249" s="20"/>
      <c r="E249" s="20"/>
      <c r="F249" s="20"/>
      <c r="G249" s="21" t="s">
        <v>3920</v>
      </c>
      <c r="H249" s="20"/>
    </row>
    <row r="250" spans="1:8" ht="21.75" customHeight="1" x14ac:dyDescent="0.2">
      <c r="A250" s="49">
        <v>129</v>
      </c>
      <c r="B250" s="18" t="s">
        <v>549</v>
      </c>
      <c r="C250" s="18" t="s">
        <v>607</v>
      </c>
      <c r="D250" s="18" t="s">
        <v>608</v>
      </c>
      <c r="E250" s="18" t="s">
        <v>609</v>
      </c>
      <c r="F250" s="18" t="s">
        <v>610</v>
      </c>
      <c r="G250" s="18" t="s">
        <v>611</v>
      </c>
      <c r="H250" s="18" t="s">
        <v>3921</v>
      </c>
    </row>
    <row r="251" spans="1:8" ht="15" customHeight="1" x14ac:dyDescent="0.2">
      <c r="A251" s="49"/>
      <c r="B251" s="20"/>
      <c r="C251" s="20"/>
      <c r="D251" s="20"/>
      <c r="E251" s="20"/>
      <c r="F251" s="20"/>
      <c r="G251" s="21" t="s">
        <v>3921</v>
      </c>
      <c r="H251" s="20"/>
    </row>
    <row r="252" spans="1:8" ht="21.75" customHeight="1" x14ac:dyDescent="0.2">
      <c r="A252" s="49">
        <v>130</v>
      </c>
      <c r="B252" s="18" t="s">
        <v>549</v>
      </c>
      <c r="C252" s="18" t="s">
        <v>612</v>
      </c>
      <c r="D252" s="18" t="s">
        <v>613</v>
      </c>
      <c r="E252" s="18" t="s">
        <v>614</v>
      </c>
      <c r="F252" s="18" t="s">
        <v>615</v>
      </c>
      <c r="G252" s="18" t="s">
        <v>616</v>
      </c>
      <c r="H252" s="18" t="s">
        <v>3922</v>
      </c>
    </row>
    <row r="253" spans="1:8" ht="15" customHeight="1" x14ac:dyDescent="0.2">
      <c r="A253" s="49"/>
      <c r="B253" s="20"/>
      <c r="C253" s="20"/>
      <c r="D253" s="20"/>
      <c r="E253" s="20"/>
      <c r="F253" s="20"/>
      <c r="G253" s="21" t="s">
        <v>3923</v>
      </c>
      <c r="H253" s="20"/>
    </row>
    <row r="254" spans="1:8" ht="21.75" customHeight="1" x14ac:dyDescent="0.2">
      <c r="A254" s="49">
        <v>131</v>
      </c>
      <c r="B254" s="18" t="s">
        <v>549</v>
      </c>
      <c r="C254" s="18" t="s">
        <v>617</v>
      </c>
      <c r="D254" s="18" t="s">
        <v>618</v>
      </c>
      <c r="E254" s="18" t="s">
        <v>619</v>
      </c>
      <c r="F254" s="18" t="s">
        <v>620</v>
      </c>
      <c r="G254" s="18" t="s">
        <v>621</v>
      </c>
      <c r="H254" s="18" t="s">
        <v>4759</v>
      </c>
    </row>
    <row r="255" spans="1:8" ht="15" customHeight="1" x14ac:dyDescent="0.2">
      <c r="A255" s="49"/>
      <c r="B255" s="20"/>
      <c r="C255" s="20"/>
      <c r="D255" s="20"/>
      <c r="E255" s="20"/>
      <c r="F255" s="20"/>
      <c r="G255" s="21" t="s">
        <v>4759</v>
      </c>
      <c r="H255" s="20"/>
    </row>
    <row r="256" spans="1:8" ht="21.75" customHeight="1" x14ac:dyDescent="0.2">
      <c r="A256" s="49">
        <v>132</v>
      </c>
      <c r="B256" s="18" t="s">
        <v>549</v>
      </c>
      <c r="C256" s="18" t="s">
        <v>622</v>
      </c>
      <c r="D256" s="18" t="s">
        <v>623</v>
      </c>
      <c r="E256" s="18" t="s">
        <v>624</v>
      </c>
      <c r="F256" s="18" t="s">
        <v>625</v>
      </c>
      <c r="G256" s="18" t="s">
        <v>626</v>
      </c>
      <c r="H256" s="18" t="s">
        <v>3924</v>
      </c>
    </row>
    <row r="257" spans="1:8" ht="15" customHeight="1" x14ac:dyDescent="0.2">
      <c r="A257" s="49"/>
      <c r="B257" s="20"/>
      <c r="C257" s="20"/>
      <c r="D257" s="20"/>
      <c r="E257" s="20"/>
      <c r="F257" s="20"/>
      <c r="G257" s="21" t="s">
        <v>3925</v>
      </c>
      <c r="H257" s="20"/>
    </row>
    <row r="258" spans="1:8" ht="21.75" customHeight="1" x14ac:dyDescent="0.2">
      <c r="A258" s="49">
        <v>133</v>
      </c>
      <c r="B258" s="18" t="s">
        <v>627</v>
      </c>
      <c r="C258" s="18" t="s">
        <v>628</v>
      </c>
      <c r="D258" s="18" t="s">
        <v>629</v>
      </c>
      <c r="E258" s="18" t="s">
        <v>630</v>
      </c>
      <c r="F258" s="18" t="s">
        <v>631</v>
      </c>
      <c r="G258" s="18" t="s">
        <v>632</v>
      </c>
      <c r="H258" s="18" t="s">
        <v>3926</v>
      </c>
    </row>
    <row r="259" spans="1:8" ht="15" customHeight="1" x14ac:dyDescent="0.2">
      <c r="A259" s="49"/>
      <c r="B259" s="20"/>
      <c r="C259" s="20"/>
      <c r="D259" s="20"/>
      <c r="E259" s="20"/>
      <c r="F259" s="20"/>
      <c r="G259" s="21" t="s">
        <v>3927</v>
      </c>
      <c r="H259" s="20"/>
    </row>
    <row r="260" spans="1:8" ht="21.75" customHeight="1" x14ac:dyDescent="0.2">
      <c r="A260" s="49">
        <v>134</v>
      </c>
      <c r="B260" s="18" t="s">
        <v>627</v>
      </c>
      <c r="C260" s="18" t="s">
        <v>633</v>
      </c>
      <c r="D260" s="18" t="s">
        <v>634</v>
      </c>
      <c r="E260" s="18" t="s">
        <v>635</v>
      </c>
      <c r="F260" s="18" t="s">
        <v>636</v>
      </c>
      <c r="G260" s="18" t="s">
        <v>186</v>
      </c>
      <c r="H260" s="18" t="s">
        <v>3928</v>
      </c>
    </row>
    <row r="261" spans="1:8" ht="15" customHeight="1" x14ac:dyDescent="0.2">
      <c r="A261" s="49"/>
      <c r="B261" s="20"/>
      <c r="C261" s="20"/>
      <c r="D261" s="20"/>
      <c r="E261" s="20"/>
      <c r="F261" s="20"/>
      <c r="G261" s="21" t="s">
        <v>3795</v>
      </c>
      <c r="H261" s="20"/>
    </row>
    <row r="262" spans="1:8" ht="21.75" customHeight="1" x14ac:dyDescent="0.2">
      <c r="A262" s="49">
        <v>135</v>
      </c>
      <c r="B262" s="18" t="s">
        <v>627</v>
      </c>
      <c r="C262" s="18" t="s">
        <v>637</v>
      </c>
      <c r="D262" s="18" t="s">
        <v>638</v>
      </c>
      <c r="E262" s="18" t="s">
        <v>639</v>
      </c>
      <c r="F262" s="18" t="s">
        <v>640</v>
      </c>
      <c r="G262" s="18" t="s">
        <v>641</v>
      </c>
      <c r="H262" s="18" t="s">
        <v>3929</v>
      </c>
    </row>
    <row r="263" spans="1:8" ht="15" customHeight="1" x14ac:dyDescent="0.2">
      <c r="A263" s="49"/>
      <c r="B263" s="20"/>
      <c r="C263" s="20"/>
      <c r="D263" s="20"/>
      <c r="E263" s="20"/>
      <c r="F263" s="20"/>
      <c r="G263" s="21" t="s">
        <v>3929</v>
      </c>
      <c r="H263" s="20"/>
    </row>
    <row r="264" spans="1:8" ht="21.75" customHeight="1" x14ac:dyDescent="0.2">
      <c r="A264" s="49">
        <v>136</v>
      </c>
      <c r="B264" s="18" t="s">
        <v>627</v>
      </c>
      <c r="C264" s="18" t="s">
        <v>642</v>
      </c>
      <c r="D264" s="18" t="s">
        <v>643</v>
      </c>
      <c r="E264" s="18" t="s">
        <v>644</v>
      </c>
      <c r="F264" s="18" t="s">
        <v>645</v>
      </c>
      <c r="G264" s="18" t="s">
        <v>646</v>
      </c>
      <c r="H264" s="18" t="s">
        <v>3930</v>
      </c>
    </row>
    <row r="265" spans="1:8" ht="15" customHeight="1" x14ac:dyDescent="0.2">
      <c r="A265" s="49"/>
      <c r="B265" s="20"/>
      <c r="C265" s="20"/>
      <c r="D265" s="20"/>
      <c r="E265" s="20"/>
      <c r="F265" s="20"/>
      <c r="G265" s="21" t="s">
        <v>3930</v>
      </c>
      <c r="H265" s="20"/>
    </row>
    <row r="266" spans="1:8" ht="21.75" customHeight="1" x14ac:dyDescent="0.2">
      <c r="A266" s="49">
        <v>137</v>
      </c>
      <c r="B266" s="18" t="s">
        <v>627</v>
      </c>
      <c r="C266" s="18" t="s">
        <v>647</v>
      </c>
      <c r="D266" s="18" t="s">
        <v>648</v>
      </c>
      <c r="E266" s="18" t="s">
        <v>649</v>
      </c>
      <c r="F266" s="18" t="s">
        <v>650</v>
      </c>
      <c r="G266" s="18" t="s">
        <v>651</v>
      </c>
      <c r="H266" s="18" t="s">
        <v>3931</v>
      </c>
    </row>
    <row r="267" spans="1:8" ht="15" customHeight="1" x14ac:dyDescent="0.2">
      <c r="A267" s="49"/>
      <c r="B267" s="20"/>
      <c r="C267" s="20"/>
      <c r="D267" s="20"/>
      <c r="E267" s="20"/>
      <c r="F267" s="20"/>
      <c r="G267" s="21" t="s">
        <v>3745</v>
      </c>
      <c r="H267" s="20"/>
    </row>
    <row r="268" spans="1:8" ht="21.75" customHeight="1" x14ac:dyDescent="0.2">
      <c r="A268" s="49">
        <v>138</v>
      </c>
      <c r="B268" s="18" t="s">
        <v>627</v>
      </c>
      <c r="C268" s="18" t="s">
        <v>652</v>
      </c>
      <c r="D268" s="18" t="s">
        <v>653</v>
      </c>
      <c r="E268" s="18" t="s">
        <v>654</v>
      </c>
      <c r="F268" s="18" t="s">
        <v>655</v>
      </c>
      <c r="G268" s="18" t="s">
        <v>656</v>
      </c>
      <c r="H268" s="18" t="s">
        <v>3932</v>
      </c>
    </row>
    <row r="269" spans="1:8" ht="15" customHeight="1" x14ac:dyDescent="0.2">
      <c r="A269" s="49"/>
      <c r="B269" s="20"/>
      <c r="C269" s="20"/>
      <c r="D269" s="20"/>
      <c r="E269" s="20"/>
      <c r="F269" s="20"/>
      <c r="G269" s="21" t="s">
        <v>3933</v>
      </c>
      <c r="H269" s="20"/>
    </row>
    <row r="270" spans="1:8" ht="21.75" customHeight="1" x14ac:dyDescent="0.2">
      <c r="A270" s="49">
        <v>139</v>
      </c>
      <c r="B270" s="18" t="s">
        <v>657</v>
      </c>
      <c r="C270" s="18" t="s">
        <v>658</v>
      </c>
      <c r="D270" s="18" t="s">
        <v>659</v>
      </c>
      <c r="E270" s="18" t="s">
        <v>660</v>
      </c>
      <c r="F270" s="18" t="s">
        <v>661</v>
      </c>
      <c r="G270" s="18" t="s">
        <v>662</v>
      </c>
      <c r="H270" s="18" t="s">
        <v>3934</v>
      </c>
    </row>
    <row r="271" spans="1:8" ht="15" customHeight="1" x14ac:dyDescent="0.2">
      <c r="A271" s="49"/>
      <c r="B271" s="20"/>
      <c r="C271" s="20"/>
      <c r="D271" s="20"/>
      <c r="E271" s="20"/>
      <c r="F271" s="20"/>
      <c r="G271" s="21" t="s">
        <v>3934</v>
      </c>
      <c r="H271" s="20"/>
    </row>
    <row r="272" spans="1:8" ht="21.75" customHeight="1" x14ac:dyDescent="0.2">
      <c r="A272" s="49">
        <v>140</v>
      </c>
      <c r="B272" s="18" t="s">
        <v>657</v>
      </c>
      <c r="C272" s="18" t="s">
        <v>663</v>
      </c>
      <c r="D272" s="18" t="s">
        <v>664</v>
      </c>
      <c r="E272" s="18" t="s">
        <v>665</v>
      </c>
      <c r="F272" s="18" t="s">
        <v>666</v>
      </c>
      <c r="G272" s="18" t="s">
        <v>667</v>
      </c>
      <c r="H272" s="18" t="s">
        <v>3935</v>
      </c>
    </row>
    <row r="273" spans="1:8" ht="15" customHeight="1" x14ac:dyDescent="0.2">
      <c r="A273" s="49"/>
      <c r="B273" s="20"/>
      <c r="C273" s="20"/>
      <c r="D273" s="20"/>
      <c r="E273" s="20"/>
      <c r="F273" s="20"/>
      <c r="G273" s="21" t="s">
        <v>3935</v>
      </c>
      <c r="H273" s="20"/>
    </row>
    <row r="274" spans="1:8" ht="21.75" customHeight="1" x14ac:dyDescent="0.2">
      <c r="A274" s="49">
        <v>141</v>
      </c>
      <c r="B274" s="18" t="s">
        <v>657</v>
      </c>
      <c r="C274" s="18" t="s">
        <v>668</v>
      </c>
      <c r="D274" s="18" t="s">
        <v>669</v>
      </c>
      <c r="E274" s="18" t="s">
        <v>670</v>
      </c>
      <c r="F274" s="18" t="s">
        <v>671</v>
      </c>
      <c r="G274" s="18" t="s">
        <v>672</v>
      </c>
      <c r="H274" s="18" t="s">
        <v>3936</v>
      </c>
    </row>
    <row r="275" spans="1:8" ht="15" customHeight="1" x14ac:dyDescent="0.2">
      <c r="A275" s="49"/>
      <c r="B275" s="20"/>
      <c r="C275" s="20"/>
      <c r="D275" s="20"/>
      <c r="E275" s="20"/>
      <c r="F275" s="20"/>
      <c r="G275" s="21" t="s">
        <v>3937</v>
      </c>
      <c r="H275" s="20"/>
    </row>
    <row r="276" spans="1:8" ht="21.75" customHeight="1" x14ac:dyDescent="0.2">
      <c r="A276" s="49">
        <v>142</v>
      </c>
      <c r="B276" s="18" t="s">
        <v>657</v>
      </c>
      <c r="C276" s="18" t="s">
        <v>673</v>
      </c>
      <c r="D276" s="18" t="s">
        <v>674</v>
      </c>
      <c r="E276" s="18" t="s">
        <v>675</v>
      </c>
      <c r="F276" s="18" t="s">
        <v>676</v>
      </c>
      <c r="G276" s="18" t="s">
        <v>677</v>
      </c>
      <c r="H276" s="18" t="s">
        <v>3938</v>
      </c>
    </row>
    <row r="277" spans="1:8" ht="15" customHeight="1" x14ac:dyDescent="0.2">
      <c r="A277" s="49"/>
      <c r="B277" s="20"/>
      <c r="C277" s="20"/>
      <c r="D277" s="20"/>
      <c r="E277" s="20"/>
      <c r="F277" s="20"/>
      <c r="G277" s="21" t="s">
        <v>3939</v>
      </c>
      <c r="H277" s="20"/>
    </row>
    <row r="278" spans="1:8" ht="21.75" customHeight="1" x14ac:dyDescent="0.2">
      <c r="A278" s="49">
        <v>143</v>
      </c>
      <c r="B278" s="18" t="s">
        <v>657</v>
      </c>
      <c r="C278" s="18" t="s">
        <v>678</v>
      </c>
      <c r="D278" s="18" t="s">
        <v>679</v>
      </c>
      <c r="E278" s="18" t="s">
        <v>680</v>
      </c>
      <c r="F278" s="18" t="s">
        <v>681</v>
      </c>
      <c r="G278" s="18" t="s">
        <v>682</v>
      </c>
      <c r="H278" s="18" t="s">
        <v>3940</v>
      </c>
    </row>
    <row r="279" spans="1:8" ht="15" customHeight="1" x14ac:dyDescent="0.2">
      <c r="A279" s="49"/>
      <c r="B279" s="20"/>
      <c r="C279" s="20"/>
      <c r="D279" s="20"/>
      <c r="E279" s="20"/>
      <c r="F279" s="20"/>
      <c r="G279" s="21" t="s">
        <v>3941</v>
      </c>
      <c r="H279" s="20"/>
    </row>
    <row r="280" spans="1:8" ht="21.75" customHeight="1" x14ac:dyDescent="0.2">
      <c r="A280" s="49">
        <v>144</v>
      </c>
      <c r="B280" s="18" t="s">
        <v>657</v>
      </c>
      <c r="C280" s="18" t="s">
        <v>683</v>
      </c>
      <c r="D280" s="18" t="s">
        <v>3735</v>
      </c>
      <c r="E280" s="18" t="s">
        <v>684</v>
      </c>
      <c r="F280" s="18" t="s">
        <v>685</v>
      </c>
      <c r="G280" s="18" t="s">
        <v>686</v>
      </c>
      <c r="H280" s="18" t="s">
        <v>3942</v>
      </c>
    </row>
    <row r="281" spans="1:8" ht="15" customHeight="1" x14ac:dyDescent="0.2">
      <c r="A281" s="49"/>
      <c r="B281" s="20"/>
      <c r="C281" s="20"/>
      <c r="D281" s="20"/>
      <c r="E281" s="20"/>
      <c r="F281" s="20"/>
      <c r="G281" s="21" t="s">
        <v>3943</v>
      </c>
      <c r="H281" s="20"/>
    </row>
    <row r="282" spans="1:8" ht="21.75" customHeight="1" x14ac:dyDescent="0.2">
      <c r="A282" s="49">
        <v>145</v>
      </c>
      <c r="B282" s="18" t="s">
        <v>687</v>
      </c>
      <c r="C282" s="18" t="s">
        <v>688</v>
      </c>
      <c r="D282" s="18" t="s">
        <v>689</v>
      </c>
      <c r="E282" s="18" t="s">
        <v>690</v>
      </c>
      <c r="F282" s="18" t="s">
        <v>691</v>
      </c>
      <c r="G282" s="18" t="s">
        <v>692</v>
      </c>
      <c r="H282" s="18" t="s">
        <v>3944</v>
      </c>
    </row>
    <row r="283" spans="1:8" ht="15" customHeight="1" x14ac:dyDescent="0.2">
      <c r="A283" s="49"/>
      <c r="B283" s="20"/>
      <c r="C283" s="20"/>
      <c r="D283" s="20"/>
      <c r="E283" s="20"/>
      <c r="F283" s="20"/>
      <c r="G283" s="21" t="s">
        <v>3945</v>
      </c>
      <c r="H283" s="20"/>
    </row>
    <row r="284" spans="1:8" ht="21.75" customHeight="1" x14ac:dyDescent="0.2">
      <c r="A284" s="49">
        <v>146</v>
      </c>
      <c r="B284" s="18" t="s">
        <v>687</v>
      </c>
      <c r="C284" s="18" t="s">
        <v>693</v>
      </c>
      <c r="D284" s="18" t="s">
        <v>694</v>
      </c>
      <c r="E284" s="18" t="s">
        <v>695</v>
      </c>
      <c r="F284" s="18" t="s">
        <v>696</v>
      </c>
      <c r="G284" s="18" t="s">
        <v>697</v>
      </c>
      <c r="H284" s="18" t="s">
        <v>3946</v>
      </c>
    </row>
    <row r="285" spans="1:8" ht="15" customHeight="1" x14ac:dyDescent="0.2">
      <c r="A285" s="49"/>
      <c r="B285" s="20"/>
      <c r="C285" s="20"/>
      <c r="D285" s="20"/>
      <c r="E285" s="20"/>
      <c r="F285" s="20"/>
      <c r="G285" s="21" t="s">
        <v>3947</v>
      </c>
      <c r="H285" s="20"/>
    </row>
    <row r="286" spans="1:8" ht="21.75" customHeight="1" x14ac:dyDescent="0.2">
      <c r="A286" s="49">
        <v>147</v>
      </c>
      <c r="B286" s="18" t="s">
        <v>687</v>
      </c>
      <c r="C286" s="18" t="s">
        <v>698</v>
      </c>
      <c r="D286" s="18" t="s">
        <v>699</v>
      </c>
      <c r="E286" s="18" t="s">
        <v>700</v>
      </c>
      <c r="F286" s="18" t="s">
        <v>701</v>
      </c>
      <c r="G286" s="18" t="s">
        <v>702</v>
      </c>
      <c r="H286" s="18" t="s">
        <v>3948</v>
      </c>
    </row>
    <row r="287" spans="1:8" ht="15" customHeight="1" x14ac:dyDescent="0.2">
      <c r="A287" s="49"/>
      <c r="B287" s="20"/>
      <c r="C287" s="20"/>
      <c r="D287" s="20"/>
      <c r="E287" s="20"/>
      <c r="F287" s="20"/>
      <c r="G287" s="21" t="s">
        <v>3949</v>
      </c>
      <c r="H287" s="20"/>
    </row>
    <row r="288" spans="1:8" ht="21.75" customHeight="1" x14ac:dyDescent="0.2">
      <c r="A288" s="49">
        <v>148</v>
      </c>
      <c r="B288" s="18" t="s">
        <v>687</v>
      </c>
      <c r="C288" s="18" t="s">
        <v>703</v>
      </c>
      <c r="D288" s="18" t="s">
        <v>704</v>
      </c>
      <c r="E288" s="18" t="s">
        <v>705</v>
      </c>
      <c r="F288" s="18" t="s">
        <v>706</v>
      </c>
      <c r="G288" s="18" t="s">
        <v>707</v>
      </c>
      <c r="H288" s="18" t="s">
        <v>3950</v>
      </c>
    </row>
    <row r="289" spans="1:8" ht="15" customHeight="1" x14ac:dyDescent="0.2">
      <c r="A289" s="49"/>
      <c r="B289" s="20"/>
      <c r="C289" s="20"/>
      <c r="D289" s="20"/>
      <c r="E289" s="20"/>
      <c r="F289" s="20"/>
      <c r="G289" s="21" t="s">
        <v>3951</v>
      </c>
      <c r="H289" s="20"/>
    </row>
    <row r="290" spans="1:8" ht="21.75" customHeight="1" x14ac:dyDescent="0.2">
      <c r="A290" s="49">
        <v>149</v>
      </c>
      <c r="B290" s="18" t="s">
        <v>687</v>
      </c>
      <c r="C290" s="18" t="s">
        <v>708</v>
      </c>
      <c r="D290" s="18" t="s">
        <v>709</v>
      </c>
      <c r="E290" s="18" t="s">
        <v>710</v>
      </c>
      <c r="F290" s="18" t="s">
        <v>711</v>
      </c>
      <c r="G290" s="18" t="s">
        <v>712</v>
      </c>
      <c r="H290" s="18" t="s">
        <v>3952</v>
      </c>
    </row>
    <row r="291" spans="1:8" ht="15" customHeight="1" x14ac:dyDescent="0.2">
      <c r="A291" s="49"/>
      <c r="B291" s="20"/>
      <c r="C291" s="20"/>
      <c r="D291" s="20"/>
      <c r="E291" s="20"/>
      <c r="F291" s="20"/>
      <c r="G291" s="21" t="s">
        <v>3953</v>
      </c>
      <c r="H291" s="20"/>
    </row>
    <row r="292" spans="1:8" ht="21.75" customHeight="1" x14ac:dyDescent="0.2">
      <c r="A292" s="49">
        <v>150</v>
      </c>
      <c r="B292" s="18" t="s">
        <v>687</v>
      </c>
      <c r="C292" s="18" t="s">
        <v>713</v>
      </c>
      <c r="D292" s="18" t="s">
        <v>704</v>
      </c>
      <c r="E292" s="18" t="s">
        <v>714</v>
      </c>
      <c r="F292" s="18" t="s">
        <v>715</v>
      </c>
      <c r="G292" s="18" t="s">
        <v>716</v>
      </c>
      <c r="H292" s="18" t="s">
        <v>3954</v>
      </c>
    </row>
    <row r="293" spans="1:8" ht="15" customHeight="1" x14ac:dyDescent="0.2">
      <c r="A293" s="49"/>
      <c r="B293" s="20"/>
      <c r="C293" s="20"/>
      <c r="D293" s="20"/>
      <c r="E293" s="20"/>
      <c r="F293" s="20"/>
      <c r="G293" s="21" t="s">
        <v>3954</v>
      </c>
      <c r="H293" s="20"/>
    </row>
    <row r="294" spans="1:8" ht="21.75" customHeight="1" x14ac:dyDescent="0.2">
      <c r="A294" s="49">
        <v>151</v>
      </c>
      <c r="B294" s="18" t="s">
        <v>687</v>
      </c>
      <c r="C294" s="18" t="s">
        <v>717</v>
      </c>
      <c r="D294" s="18" t="s">
        <v>699</v>
      </c>
      <c r="E294" s="18" t="s">
        <v>718</v>
      </c>
      <c r="F294" s="18" t="s">
        <v>719</v>
      </c>
      <c r="G294" s="18" t="s">
        <v>720</v>
      </c>
      <c r="H294" s="18" t="s">
        <v>3955</v>
      </c>
    </row>
    <row r="295" spans="1:8" ht="15" customHeight="1" x14ac:dyDescent="0.2">
      <c r="A295" s="49"/>
      <c r="B295" s="20"/>
      <c r="C295" s="20"/>
      <c r="D295" s="20"/>
      <c r="E295" s="20"/>
      <c r="F295" s="20"/>
      <c r="G295" s="21" t="s">
        <v>3955</v>
      </c>
      <c r="H295" s="20"/>
    </row>
    <row r="296" spans="1:8" ht="21.75" customHeight="1" x14ac:dyDescent="0.2">
      <c r="A296" s="49">
        <v>152</v>
      </c>
      <c r="B296" s="18" t="s">
        <v>687</v>
      </c>
      <c r="C296" s="18" t="s">
        <v>721</v>
      </c>
      <c r="D296" s="18" t="s">
        <v>699</v>
      </c>
      <c r="E296" s="18" t="s">
        <v>722</v>
      </c>
      <c r="F296" s="18" t="s">
        <v>723</v>
      </c>
      <c r="G296" s="18" t="s">
        <v>724</v>
      </c>
      <c r="H296" s="18" t="s">
        <v>3956</v>
      </c>
    </row>
    <row r="297" spans="1:8" ht="15" customHeight="1" x14ac:dyDescent="0.2">
      <c r="A297" s="49"/>
      <c r="B297" s="20"/>
      <c r="C297" s="20"/>
      <c r="D297" s="20"/>
      <c r="E297" s="20"/>
      <c r="F297" s="20"/>
      <c r="G297" s="21" t="s">
        <v>3957</v>
      </c>
      <c r="H297" s="20"/>
    </row>
    <row r="298" spans="1:8" ht="21.75" customHeight="1" x14ac:dyDescent="0.2">
      <c r="A298" s="49">
        <v>153</v>
      </c>
      <c r="B298" s="18" t="s">
        <v>687</v>
      </c>
      <c r="C298" s="18" t="s">
        <v>725</v>
      </c>
      <c r="D298" s="18" t="s">
        <v>699</v>
      </c>
      <c r="E298" s="18" t="s">
        <v>726</v>
      </c>
      <c r="F298" s="18" t="s">
        <v>727</v>
      </c>
      <c r="G298" s="18" t="s">
        <v>728</v>
      </c>
      <c r="H298" s="18" t="s">
        <v>3958</v>
      </c>
    </row>
    <row r="299" spans="1:8" ht="15" customHeight="1" x14ac:dyDescent="0.2">
      <c r="A299" s="49"/>
      <c r="B299" s="20"/>
      <c r="C299" s="20"/>
      <c r="D299" s="20"/>
      <c r="E299" s="20"/>
      <c r="F299" s="20"/>
      <c r="G299" s="21" t="s">
        <v>3959</v>
      </c>
      <c r="H299" s="20"/>
    </row>
    <row r="300" spans="1:8" ht="21.75" customHeight="1" x14ac:dyDescent="0.2">
      <c r="A300" s="49">
        <v>154</v>
      </c>
      <c r="B300" s="18" t="s">
        <v>687</v>
      </c>
      <c r="C300" s="18" t="s">
        <v>729</v>
      </c>
      <c r="D300" s="18" t="s">
        <v>704</v>
      </c>
      <c r="E300" s="18" t="s">
        <v>730</v>
      </c>
      <c r="F300" s="18" t="s">
        <v>731</v>
      </c>
      <c r="G300" s="18" t="s">
        <v>732</v>
      </c>
      <c r="H300" s="18" t="s">
        <v>3960</v>
      </c>
    </row>
    <row r="301" spans="1:8" ht="15" customHeight="1" x14ac:dyDescent="0.2">
      <c r="A301" s="49"/>
      <c r="B301" s="20"/>
      <c r="C301" s="20"/>
      <c r="D301" s="20"/>
      <c r="E301" s="20"/>
      <c r="F301" s="20"/>
      <c r="G301" s="21" t="s">
        <v>3961</v>
      </c>
      <c r="H301" s="20"/>
    </row>
    <row r="302" spans="1:8" ht="21.75" customHeight="1" x14ac:dyDescent="0.2">
      <c r="A302" s="49">
        <v>155</v>
      </c>
      <c r="B302" s="18" t="s">
        <v>687</v>
      </c>
      <c r="C302" s="18" t="s">
        <v>733</v>
      </c>
      <c r="D302" s="18" t="s">
        <v>734</v>
      </c>
      <c r="E302" s="18" t="s">
        <v>735</v>
      </c>
      <c r="F302" s="18" t="s">
        <v>736</v>
      </c>
      <c r="G302" s="18" t="s">
        <v>4760</v>
      </c>
      <c r="H302" s="18" t="s">
        <v>4761</v>
      </c>
    </row>
    <row r="303" spans="1:8" ht="15" customHeight="1" x14ac:dyDescent="0.2">
      <c r="A303" s="49"/>
      <c r="B303" s="20"/>
      <c r="C303" s="20"/>
      <c r="D303" s="20"/>
      <c r="E303" s="20"/>
      <c r="F303" s="20"/>
      <c r="G303" s="21" t="s">
        <v>3745</v>
      </c>
      <c r="H303" s="20"/>
    </row>
    <row r="304" spans="1:8" ht="21.75" customHeight="1" x14ac:dyDescent="0.2">
      <c r="A304" s="49">
        <v>156</v>
      </c>
      <c r="B304" s="18" t="s">
        <v>687</v>
      </c>
      <c r="C304" s="18" t="s">
        <v>737</v>
      </c>
      <c r="D304" s="18" t="s">
        <v>738</v>
      </c>
      <c r="E304" s="18" t="s">
        <v>739</v>
      </c>
      <c r="F304" s="18" t="s">
        <v>740</v>
      </c>
      <c r="G304" s="18" t="s">
        <v>430</v>
      </c>
      <c r="H304" s="18" t="s">
        <v>3962</v>
      </c>
    </row>
    <row r="305" spans="1:8" ht="15" customHeight="1" x14ac:dyDescent="0.2">
      <c r="A305" s="49"/>
      <c r="B305" s="20"/>
      <c r="C305" s="20"/>
      <c r="D305" s="20"/>
      <c r="E305" s="20"/>
      <c r="F305" s="20"/>
      <c r="G305" s="21" t="s">
        <v>3870</v>
      </c>
      <c r="H305" s="20"/>
    </row>
    <row r="306" spans="1:8" ht="21.75" customHeight="1" x14ac:dyDescent="0.2">
      <c r="A306" s="49">
        <v>157</v>
      </c>
      <c r="B306" s="18" t="s">
        <v>687</v>
      </c>
      <c r="C306" s="18" t="s">
        <v>741</v>
      </c>
      <c r="D306" s="18" t="s">
        <v>738</v>
      </c>
      <c r="E306" s="18" t="s">
        <v>742</v>
      </c>
      <c r="F306" s="18" t="s">
        <v>743</v>
      </c>
      <c r="G306" s="18" t="s">
        <v>744</v>
      </c>
      <c r="H306" s="18" t="s">
        <v>3963</v>
      </c>
    </row>
    <row r="307" spans="1:8" ht="15" customHeight="1" x14ac:dyDescent="0.2">
      <c r="A307" s="49"/>
      <c r="B307" s="20"/>
      <c r="C307" s="20"/>
      <c r="D307" s="20"/>
      <c r="E307" s="20"/>
      <c r="F307" s="20"/>
      <c r="G307" s="21" t="s">
        <v>3963</v>
      </c>
      <c r="H307" s="20"/>
    </row>
    <row r="308" spans="1:8" ht="21.75" customHeight="1" x14ac:dyDescent="0.2">
      <c r="A308" s="49">
        <v>158</v>
      </c>
      <c r="B308" s="18" t="s">
        <v>687</v>
      </c>
      <c r="C308" s="18" t="s">
        <v>745</v>
      </c>
      <c r="D308" s="18" t="s">
        <v>704</v>
      </c>
      <c r="E308" s="18" t="s">
        <v>746</v>
      </c>
      <c r="F308" s="18" t="s">
        <v>747</v>
      </c>
      <c r="G308" s="18" t="s">
        <v>732</v>
      </c>
      <c r="H308" s="18" t="s">
        <v>4762</v>
      </c>
    </row>
    <row r="309" spans="1:8" ht="15" customHeight="1" x14ac:dyDescent="0.2">
      <c r="A309" s="49"/>
      <c r="B309" s="20"/>
      <c r="C309" s="20"/>
      <c r="D309" s="20"/>
      <c r="E309" s="20"/>
      <c r="F309" s="20"/>
      <c r="G309" s="21" t="s">
        <v>3961</v>
      </c>
      <c r="H309" s="20"/>
    </row>
    <row r="310" spans="1:8" ht="21.75" customHeight="1" x14ac:dyDescent="0.2">
      <c r="A310" s="49">
        <v>159</v>
      </c>
      <c r="B310" s="18" t="s">
        <v>748</v>
      </c>
      <c r="C310" s="18" t="s">
        <v>749</v>
      </c>
      <c r="D310" s="18" t="s">
        <v>750</v>
      </c>
      <c r="E310" s="18" t="s">
        <v>751</v>
      </c>
      <c r="F310" s="18" t="s">
        <v>752</v>
      </c>
      <c r="G310" s="18" t="s">
        <v>753</v>
      </c>
      <c r="H310" s="18" t="s">
        <v>3964</v>
      </c>
    </row>
    <row r="311" spans="1:8" ht="15" customHeight="1" x14ac:dyDescent="0.2">
      <c r="A311" s="49"/>
      <c r="B311" s="20"/>
      <c r="C311" s="20"/>
      <c r="D311" s="20"/>
      <c r="E311" s="20"/>
      <c r="F311" s="20"/>
      <c r="G311" s="21" t="s">
        <v>3965</v>
      </c>
      <c r="H311" s="20"/>
    </row>
    <row r="312" spans="1:8" ht="21.75" customHeight="1" x14ac:dyDescent="0.2">
      <c r="A312" s="49">
        <v>160</v>
      </c>
      <c r="B312" s="18" t="s">
        <v>748</v>
      </c>
      <c r="C312" s="18" t="s">
        <v>754</v>
      </c>
      <c r="D312" s="18" t="s">
        <v>755</v>
      </c>
      <c r="E312" s="18" t="s">
        <v>756</v>
      </c>
      <c r="F312" s="18" t="s">
        <v>757</v>
      </c>
      <c r="G312" s="18" t="s">
        <v>758</v>
      </c>
      <c r="H312" s="18" t="s">
        <v>3966</v>
      </c>
    </row>
    <row r="313" spans="1:8" ht="15" customHeight="1" x14ac:dyDescent="0.2">
      <c r="A313" s="49"/>
      <c r="B313" s="20"/>
      <c r="C313" s="20"/>
      <c r="D313" s="20"/>
      <c r="E313" s="20"/>
      <c r="F313" s="20"/>
      <c r="G313" s="20" t="s">
        <v>3967</v>
      </c>
      <c r="H313" s="20"/>
    </row>
    <row r="314" spans="1:8" ht="21.75" customHeight="1" x14ac:dyDescent="0.2">
      <c r="A314" s="49">
        <v>161</v>
      </c>
      <c r="B314" s="18" t="s">
        <v>748</v>
      </c>
      <c r="C314" s="18" t="s">
        <v>759</v>
      </c>
      <c r="D314" s="18" t="s">
        <v>760</v>
      </c>
      <c r="E314" s="18" t="s">
        <v>761</v>
      </c>
      <c r="F314" s="18" t="s">
        <v>762</v>
      </c>
      <c r="G314" s="18" t="s">
        <v>763</v>
      </c>
      <c r="H314" s="18" t="s">
        <v>3968</v>
      </c>
    </row>
    <row r="315" spans="1:8" ht="15" customHeight="1" x14ac:dyDescent="0.2">
      <c r="A315" s="49"/>
      <c r="B315" s="20"/>
      <c r="C315" s="20"/>
      <c r="D315" s="20"/>
      <c r="E315" s="20"/>
      <c r="F315" s="20"/>
      <c r="G315" s="21" t="s">
        <v>3969</v>
      </c>
      <c r="H315" s="20"/>
    </row>
    <row r="316" spans="1:8" ht="21.75" customHeight="1" x14ac:dyDescent="0.2">
      <c r="A316" s="49">
        <v>162</v>
      </c>
      <c r="B316" s="18" t="s">
        <v>748</v>
      </c>
      <c r="C316" s="18" t="s">
        <v>764</v>
      </c>
      <c r="D316" s="18" t="s">
        <v>765</v>
      </c>
      <c r="E316" s="18" t="s">
        <v>766</v>
      </c>
      <c r="F316" s="18" t="s">
        <v>767</v>
      </c>
      <c r="G316" s="18" t="s">
        <v>768</v>
      </c>
      <c r="H316" s="18" t="s">
        <v>3970</v>
      </c>
    </row>
    <row r="317" spans="1:8" ht="15" customHeight="1" x14ac:dyDescent="0.2">
      <c r="A317" s="49"/>
      <c r="B317" s="20"/>
      <c r="C317" s="20"/>
      <c r="D317" s="20"/>
      <c r="E317" s="20"/>
      <c r="F317" s="20"/>
      <c r="G317" s="21" t="s">
        <v>3971</v>
      </c>
      <c r="H317" s="20"/>
    </row>
    <row r="318" spans="1:8" ht="21.75" customHeight="1" x14ac:dyDescent="0.2">
      <c r="A318" s="49">
        <v>163</v>
      </c>
      <c r="B318" s="18" t="s">
        <v>748</v>
      </c>
      <c r="C318" s="18" t="s">
        <v>769</v>
      </c>
      <c r="D318" s="18" t="s">
        <v>770</v>
      </c>
      <c r="E318" s="18" t="s">
        <v>771</v>
      </c>
      <c r="F318" s="18" t="s">
        <v>772</v>
      </c>
      <c r="G318" s="18" t="s">
        <v>773</v>
      </c>
      <c r="H318" s="23" t="s">
        <v>3236</v>
      </c>
    </row>
    <row r="319" spans="1:8" ht="15" customHeight="1" x14ac:dyDescent="0.2">
      <c r="A319" s="49"/>
      <c r="B319" s="20"/>
      <c r="C319" s="20"/>
      <c r="D319" s="20"/>
      <c r="E319" s="20"/>
      <c r="F319" s="20"/>
      <c r="G319" s="21" t="s">
        <v>3972</v>
      </c>
      <c r="H319" s="20"/>
    </row>
    <row r="320" spans="1:8" ht="21.75" customHeight="1" x14ac:dyDescent="0.2">
      <c r="A320" s="49">
        <v>164</v>
      </c>
      <c r="B320" s="18" t="s">
        <v>748</v>
      </c>
      <c r="C320" s="18" t="s">
        <v>774</v>
      </c>
      <c r="D320" s="18" t="s">
        <v>775</v>
      </c>
      <c r="E320" s="18" t="s">
        <v>776</v>
      </c>
      <c r="F320" s="18" t="s">
        <v>777</v>
      </c>
      <c r="G320" s="18" t="s">
        <v>778</v>
      </c>
      <c r="H320" s="18" t="s">
        <v>3973</v>
      </c>
    </row>
    <row r="321" spans="1:8" ht="15" customHeight="1" x14ac:dyDescent="0.2">
      <c r="A321" s="49"/>
      <c r="B321" s="20"/>
      <c r="C321" s="20"/>
      <c r="D321" s="20"/>
      <c r="E321" s="20"/>
      <c r="F321" s="20"/>
      <c r="G321" s="21" t="s">
        <v>3974</v>
      </c>
      <c r="H321" s="20"/>
    </row>
    <row r="322" spans="1:8" ht="21.75" customHeight="1" x14ac:dyDescent="0.2">
      <c r="A322" s="49">
        <v>165</v>
      </c>
      <c r="B322" s="18" t="s">
        <v>748</v>
      </c>
      <c r="C322" s="18" t="s">
        <v>779</v>
      </c>
      <c r="D322" s="18" t="s">
        <v>780</v>
      </c>
      <c r="E322" s="18" t="s">
        <v>781</v>
      </c>
      <c r="F322" s="18" t="s">
        <v>782</v>
      </c>
      <c r="G322" s="18" t="s">
        <v>783</v>
      </c>
      <c r="H322" s="18" t="s">
        <v>3975</v>
      </c>
    </row>
    <row r="323" spans="1:8" ht="15" customHeight="1" x14ac:dyDescent="0.2">
      <c r="A323" s="49"/>
      <c r="B323" s="20"/>
      <c r="C323" s="20"/>
      <c r="D323" s="20"/>
      <c r="E323" s="20"/>
      <c r="F323" s="20"/>
      <c r="G323" s="21" t="s">
        <v>3976</v>
      </c>
      <c r="H323" s="20"/>
    </row>
    <row r="324" spans="1:8" ht="21.75" customHeight="1" x14ac:dyDescent="0.2">
      <c r="A324" s="49">
        <v>166</v>
      </c>
      <c r="B324" s="18" t="s">
        <v>748</v>
      </c>
      <c r="C324" s="18" t="s">
        <v>784</v>
      </c>
      <c r="D324" s="18" t="s">
        <v>785</v>
      </c>
      <c r="E324" s="18" t="s">
        <v>786</v>
      </c>
      <c r="F324" s="18" t="s">
        <v>787</v>
      </c>
      <c r="G324" s="18" t="s">
        <v>788</v>
      </c>
      <c r="H324" s="18" t="s">
        <v>3977</v>
      </c>
    </row>
    <row r="325" spans="1:8" ht="15" customHeight="1" x14ac:dyDescent="0.2">
      <c r="A325" s="49"/>
      <c r="B325" s="20"/>
      <c r="C325" s="20"/>
      <c r="D325" s="20"/>
      <c r="E325" s="20"/>
      <c r="F325" s="20"/>
      <c r="G325" s="21" t="s">
        <v>3977</v>
      </c>
      <c r="H325" s="20"/>
    </row>
    <row r="326" spans="1:8" ht="21.75" customHeight="1" x14ac:dyDescent="0.2">
      <c r="A326" s="49">
        <v>167</v>
      </c>
      <c r="B326" s="18" t="s">
        <v>748</v>
      </c>
      <c r="C326" s="18" t="s">
        <v>789</v>
      </c>
      <c r="D326" s="18" t="s">
        <v>790</v>
      </c>
      <c r="E326" s="18" t="s">
        <v>791</v>
      </c>
      <c r="F326" s="18" t="s">
        <v>792</v>
      </c>
      <c r="G326" s="18" t="s">
        <v>793</v>
      </c>
      <c r="H326" s="18" t="s">
        <v>4763</v>
      </c>
    </row>
    <row r="327" spans="1:8" ht="15" customHeight="1" x14ac:dyDescent="0.2">
      <c r="A327" s="49"/>
      <c r="B327" s="20"/>
      <c r="C327" s="20"/>
      <c r="D327" s="20"/>
      <c r="E327" s="20"/>
      <c r="F327" s="20"/>
      <c r="G327" s="21" t="s">
        <v>3978</v>
      </c>
      <c r="H327" s="20"/>
    </row>
    <row r="328" spans="1:8" ht="21.75" customHeight="1" x14ac:dyDescent="0.2">
      <c r="A328" s="49">
        <v>168</v>
      </c>
      <c r="B328" s="18" t="s">
        <v>748</v>
      </c>
      <c r="C328" s="18" t="s">
        <v>794</v>
      </c>
      <c r="D328" s="18" t="s">
        <v>795</v>
      </c>
      <c r="E328" s="18" t="s">
        <v>796</v>
      </c>
      <c r="F328" s="18" t="s">
        <v>797</v>
      </c>
      <c r="G328" s="18" t="s">
        <v>798</v>
      </c>
      <c r="H328" s="18" t="s">
        <v>3979</v>
      </c>
    </row>
    <row r="329" spans="1:8" ht="15" customHeight="1" x14ac:dyDescent="0.2">
      <c r="A329" s="49"/>
      <c r="B329" s="20"/>
      <c r="C329" s="20"/>
      <c r="D329" s="20"/>
      <c r="E329" s="20"/>
      <c r="F329" s="20"/>
      <c r="G329" s="21" t="s">
        <v>3980</v>
      </c>
      <c r="H329" s="20"/>
    </row>
    <row r="330" spans="1:8" ht="21.75" customHeight="1" x14ac:dyDescent="0.2">
      <c r="A330" s="49">
        <v>169</v>
      </c>
      <c r="B330" s="18" t="s">
        <v>748</v>
      </c>
      <c r="C330" s="18" t="s">
        <v>799</v>
      </c>
      <c r="D330" s="18" t="s">
        <v>800</v>
      </c>
      <c r="E330" s="18" t="s">
        <v>801</v>
      </c>
      <c r="F330" s="18" t="s">
        <v>802</v>
      </c>
      <c r="G330" s="18" t="s">
        <v>803</v>
      </c>
      <c r="H330" s="18" t="s">
        <v>3981</v>
      </c>
    </row>
    <row r="331" spans="1:8" ht="15" customHeight="1" x14ac:dyDescent="0.2">
      <c r="A331" s="49"/>
      <c r="B331" s="20"/>
      <c r="C331" s="20"/>
      <c r="D331" s="20"/>
      <c r="E331" s="20"/>
      <c r="F331" s="20"/>
      <c r="G331" s="21" t="s">
        <v>3981</v>
      </c>
      <c r="H331" s="20"/>
    </row>
    <row r="332" spans="1:8" ht="21.75" customHeight="1" x14ac:dyDescent="0.2">
      <c r="A332" s="49">
        <v>170</v>
      </c>
      <c r="B332" s="18" t="s">
        <v>748</v>
      </c>
      <c r="C332" s="18" t="s">
        <v>804</v>
      </c>
      <c r="D332" s="18" t="s">
        <v>775</v>
      </c>
      <c r="E332" s="18" t="s">
        <v>805</v>
      </c>
      <c r="F332" s="18" t="s">
        <v>806</v>
      </c>
      <c r="G332" s="18" t="s">
        <v>807</v>
      </c>
      <c r="H332" s="18" t="s">
        <v>3982</v>
      </c>
    </row>
    <row r="333" spans="1:8" ht="15" customHeight="1" x14ac:dyDescent="0.2">
      <c r="A333" s="49"/>
      <c r="B333" s="20"/>
      <c r="C333" s="20"/>
      <c r="D333" s="20"/>
      <c r="E333" s="20"/>
      <c r="F333" s="20"/>
      <c r="G333" s="21" t="s">
        <v>3982</v>
      </c>
      <c r="H333" s="20"/>
    </row>
    <row r="334" spans="1:8" ht="21.75" customHeight="1" x14ac:dyDescent="0.2">
      <c r="A334" s="49">
        <v>171</v>
      </c>
      <c r="B334" s="18" t="s">
        <v>748</v>
      </c>
      <c r="C334" s="18" t="s">
        <v>808</v>
      </c>
      <c r="D334" s="18" t="s">
        <v>809</v>
      </c>
      <c r="E334" s="18" t="s">
        <v>810</v>
      </c>
      <c r="F334" s="18" t="s">
        <v>811</v>
      </c>
      <c r="G334" s="18" t="s">
        <v>812</v>
      </c>
      <c r="H334" s="18" t="s">
        <v>3983</v>
      </c>
    </row>
    <row r="335" spans="1:8" ht="15" customHeight="1" x14ac:dyDescent="0.2">
      <c r="A335" s="49"/>
      <c r="B335" s="20"/>
      <c r="C335" s="20"/>
      <c r="D335" s="20"/>
      <c r="E335" s="20"/>
      <c r="F335" s="20"/>
      <c r="G335" s="21" t="s">
        <v>3983</v>
      </c>
      <c r="H335" s="20"/>
    </row>
    <row r="336" spans="1:8" ht="21.6" customHeight="1" x14ac:dyDescent="0.2">
      <c r="A336" s="49">
        <v>172</v>
      </c>
      <c r="B336" s="18" t="s">
        <v>748</v>
      </c>
      <c r="C336" s="18" t="s">
        <v>813</v>
      </c>
      <c r="D336" s="18" t="s">
        <v>814</v>
      </c>
      <c r="E336" s="18" t="s">
        <v>815</v>
      </c>
      <c r="F336" s="18" t="s">
        <v>816</v>
      </c>
      <c r="G336" s="18" t="s">
        <v>817</v>
      </c>
      <c r="H336" s="18" t="s">
        <v>3984</v>
      </c>
    </row>
    <row r="337" spans="1:8" ht="15" customHeight="1" x14ac:dyDescent="0.2">
      <c r="A337" s="49"/>
      <c r="B337" s="20"/>
      <c r="C337" s="20"/>
      <c r="D337" s="20"/>
      <c r="E337" s="20"/>
      <c r="F337" s="20"/>
      <c r="G337" s="21" t="s">
        <v>3985</v>
      </c>
      <c r="H337" s="20"/>
    </row>
    <row r="338" spans="1:8" ht="21.75" customHeight="1" x14ac:dyDescent="0.2">
      <c r="A338" s="49">
        <v>173</v>
      </c>
      <c r="B338" s="18" t="s">
        <v>748</v>
      </c>
      <c r="C338" s="18" t="s">
        <v>818</v>
      </c>
      <c r="D338" s="18" t="s">
        <v>819</v>
      </c>
      <c r="E338" s="18" t="s">
        <v>820</v>
      </c>
      <c r="F338" s="18" t="s">
        <v>821</v>
      </c>
      <c r="G338" s="18" t="s">
        <v>822</v>
      </c>
      <c r="H338" s="18" t="s">
        <v>3986</v>
      </c>
    </row>
    <row r="339" spans="1:8" ht="15" customHeight="1" x14ac:dyDescent="0.2">
      <c r="A339" s="49"/>
      <c r="B339" s="20"/>
      <c r="C339" s="20"/>
      <c r="D339" s="20"/>
      <c r="E339" s="20"/>
      <c r="F339" s="20"/>
      <c r="G339" s="21" t="s">
        <v>3745</v>
      </c>
      <c r="H339" s="20"/>
    </row>
    <row r="340" spans="1:8" ht="21.75" customHeight="1" x14ac:dyDescent="0.2">
      <c r="A340" s="49">
        <v>174</v>
      </c>
      <c r="B340" s="18" t="s">
        <v>748</v>
      </c>
      <c r="C340" s="18" t="s">
        <v>823</v>
      </c>
      <c r="D340" s="18" t="s">
        <v>824</v>
      </c>
      <c r="E340" s="18" t="s">
        <v>825</v>
      </c>
      <c r="F340" s="18" t="s">
        <v>826</v>
      </c>
      <c r="G340" s="18" t="s">
        <v>827</v>
      </c>
      <c r="H340" s="18" t="s">
        <v>3987</v>
      </c>
    </row>
    <row r="341" spans="1:8" ht="15" customHeight="1" x14ac:dyDescent="0.2">
      <c r="A341" s="49"/>
      <c r="B341" s="20"/>
      <c r="C341" s="20"/>
      <c r="D341" s="20"/>
      <c r="E341" s="20"/>
      <c r="F341" s="20"/>
      <c r="G341" s="21" t="s">
        <v>3987</v>
      </c>
      <c r="H341" s="20"/>
    </row>
    <row r="342" spans="1:8" ht="21.75" customHeight="1" x14ac:dyDescent="0.2">
      <c r="A342" s="49">
        <v>175</v>
      </c>
      <c r="B342" s="18" t="s">
        <v>748</v>
      </c>
      <c r="C342" s="18" t="s">
        <v>828</v>
      </c>
      <c r="D342" s="18" t="s">
        <v>829</v>
      </c>
      <c r="E342" s="18" t="s">
        <v>830</v>
      </c>
      <c r="F342" s="18" t="s">
        <v>831</v>
      </c>
      <c r="G342" s="18" t="s">
        <v>832</v>
      </c>
      <c r="H342" s="18" t="s">
        <v>3988</v>
      </c>
    </row>
    <row r="343" spans="1:8" ht="15" customHeight="1" x14ac:dyDescent="0.2">
      <c r="A343" s="49"/>
      <c r="B343" s="20"/>
      <c r="C343" s="20"/>
      <c r="D343" s="20"/>
      <c r="E343" s="20"/>
      <c r="F343" s="20"/>
      <c r="G343" s="21" t="s">
        <v>3989</v>
      </c>
      <c r="H343" s="20"/>
    </row>
    <row r="344" spans="1:8" ht="15" customHeight="1" x14ac:dyDescent="0.2">
      <c r="A344" s="24"/>
      <c r="B344" s="18" t="s">
        <v>833</v>
      </c>
      <c r="C344" s="21" t="s">
        <v>3718</v>
      </c>
      <c r="D344" s="21" t="s">
        <v>3719</v>
      </c>
      <c r="E344" s="21" t="s">
        <v>3721</v>
      </c>
      <c r="F344" s="21" t="s">
        <v>3720</v>
      </c>
      <c r="G344" s="18" t="s">
        <v>3722</v>
      </c>
      <c r="H344" s="21" t="s">
        <v>4764</v>
      </c>
    </row>
    <row r="345" spans="1:8" ht="15" customHeight="1" x14ac:dyDescent="0.2">
      <c r="A345" s="24"/>
      <c r="B345" s="21"/>
      <c r="C345" s="21"/>
      <c r="D345" s="21"/>
      <c r="E345" s="21"/>
      <c r="F345" s="21"/>
      <c r="G345" s="21" t="s">
        <v>3723</v>
      </c>
      <c r="H345" s="21"/>
    </row>
    <row r="346" spans="1:8" ht="21.75" customHeight="1" x14ac:dyDescent="0.2">
      <c r="A346" s="49">
        <v>176</v>
      </c>
      <c r="B346" s="18" t="s">
        <v>833</v>
      </c>
      <c r="C346" s="18" t="s">
        <v>834</v>
      </c>
      <c r="D346" s="18" t="s">
        <v>835</v>
      </c>
      <c r="E346" s="18" t="s">
        <v>836</v>
      </c>
      <c r="F346" s="18" t="s">
        <v>837</v>
      </c>
      <c r="G346" s="18" t="s">
        <v>838</v>
      </c>
      <c r="H346" s="18" t="s">
        <v>3990</v>
      </c>
    </row>
    <row r="347" spans="1:8" ht="15" customHeight="1" x14ac:dyDescent="0.2">
      <c r="A347" s="49"/>
      <c r="B347" s="20"/>
      <c r="C347" s="20"/>
      <c r="D347" s="20"/>
      <c r="E347" s="20"/>
      <c r="F347" s="20"/>
      <c r="G347" s="20" t="s">
        <v>3745</v>
      </c>
      <c r="H347" s="20"/>
    </row>
    <row r="348" spans="1:8" ht="21.75" customHeight="1" x14ac:dyDescent="0.2">
      <c r="A348" s="49">
        <v>177</v>
      </c>
      <c r="B348" s="18" t="s">
        <v>833</v>
      </c>
      <c r="C348" s="18" t="s">
        <v>839</v>
      </c>
      <c r="D348" s="18" t="s">
        <v>840</v>
      </c>
      <c r="E348" s="18" t="s">
        <v>841</v>
      </c>
      <c r="F348" s="18" t="s">
        <v>842</v>
      </c>
      <c r="G348" s="25" t="s">
        <v>4902</v>
      </c>
      <c r="H348" s="18" t="s">
        <v>3991</v>
      </c>
    </row>
    <row r="349" spans="1:8" ht="15" customHeight="1" x14ac:dyDescent="0.2">
      <c r="A349" s="49"/>
      <c r="B349" s="20"/>
      <c r="C349" s="20"/>
      <c r="D349" s="20"/>
      <c r="E349" s="20"/>
      <c r="F349" s="20"/>
      <c r="G349" s="21"/>
      <c r="H349" s="20"/>
    </row>
    <row r="350" spans="1:8" ht="21.75" customHeight="1" x14ac:dyDescent="0.2">
      <c r="A350" s="49">
        <v>178</v>
      </c>
      <c r="B350" s="18" t="s">
        <v>833</v>
      </c>
      <c r="C350" s="18" t="s">
        <v>843</v>
      </c>
      <c r="D350" s="18" t="s">
        <v>844</v>
      </c>
      <c r="E350" s="18" t="s">
        <v>845</v>
      </c>
      <c r="F350" s="18" t="s">
        <v>846</v>
      </c>
      <c r="G350" s="18" t="s">
        <v>369</v>
      </c>
      <c r="H350" s="18" t="s">
        <v>3781</v>
      </c>
    </row>
    <row r="351" spans="1:8" ht="15" customHeight="1" x14ac:dyDescent="0.2">
      <c r="A351" s="49"/>
      <c r="B351" s="20"/>
      <c r="C351" s="20"/>
      <c r="D351" s="20"/>
      <c r="E351" s="20"/>
      <c r="F351" s="20"/>
      <c r="G351" s="21" t="s">
        <v>3853</v>
      </c>
      <c r="H351" s="20"/>
    </row>
    <row r="352" spans="1:8" ht="21.75" customHeight="1" x14ac:dyDescent="0.2">
      <c r="A352" s="49">
        <v>179</v>
      </c>
      <c r="B352" s="18" t="s">
        <v>833</v>
      </c>
      <c r="C352" s="18" t="s">
        <v>847</v>
      </c>
      <c r="D352" s="18" t="s">
        <v>844</v>
      </c>
      <c r="E352" s="18" t="s">
        <v>848</v>
      </c>
      <c r="F352" s="18" t="s">
        <v>849</v>
      </c>
      <c r="G352" s="18" t="s">
        <v>369</v>
      </c>
      <c r="H352" s="18" t="s">
        <v>3992</v>
      </c>
    </row>
    <row r="353" spans="1:8" ht="15" customHeight="1" x14ac:dyDescent="0.2">
      <c r="A353" s="49"/>
      <c r="B353" s="20"/>
      <c r="C353" s="20"/>
      <c r="D353" s="20"/>
      <c r="E353" s="20"/>
      <c r="F353" s="20"/>
      <c r="G353" s="21" t="s">
        <v>3853</v>
      </c>
      <c r="H353" s="20"/>
    </row>
    <row r="354" spans="1:8" ht="21.75" customHeight="1" x14ac:dyDescent="0.2">
      <c r="A354" s="49">
        <v>180</v>
      </c>
      <c r="B354" s="18" t="s">
        <v>833</v>
      </c>
      <c r="C354" s="18" t="s">
        <v>850</v>
      </c>
      <c r="D354" s="18" t="s">
        <v>851</v>
      </c>
      <c r="E354" s="18" t="s">
        <v>852</v>
      </c>
      <c r="F354" s="18" t="s">
        <v>853</v>
      </c>
      <c r="G354" s="18" t="s">
        <v>4765</v>
      </c>
      <c r="H354" s="18" t="s">
        <v>3993</v>
      </c>
    </row>
    <row r="355" spans="1:8" ht="15" customHeight="1" x14ac:dyDescent="0.2">
      <c r="A355" s="49"/>
      <c r="B355" s="20"/>
      <c r="C355" s="20"/>
      <c r="D355" s="20"/>
      <c r="E355" s="20"/>
      <c r="F355" s="20"/>
      <c r="G355" s="21" t="s">
        <v>3993</v>
      </c>
      <c r="H355" s="20"/>
    </row>
    <row r="356" spans="1:8" ht="21.75" customHeight="1" x14ac:dyDescent="0.2">
      <c r="A356" s="49">
        <v>181</v>
      </c>
      <c r="B356" s="18" t="s">
        <v>833</v>
      </c>
      <c r="C356" s="18" t="s">
        <v>854</v>
      </c>
      <c r="D356" s="18" t="s">
        <v>855</v>
      </c>
      <c r="E356" s="18" t="s">
        <v>856</v>
      </c>
      <c r="F356" s="18" t="s">
        <v>857</v>
      </c>
      <c r="G356" s="18" t="s">
        <v>4766</v>
      </c>
      <c r="H356" s="18" t="s">
        <v>3994</v>
      </c>
    </row>
    <row r="357" spans="1:8" ht="15" customHeight="1" x14ac:dyDescent="0.2">
      <c r="A357" s="49"/>
      <c r="B357" s="20"/>
      <c r="C357" s="20"/>
      <c r="D357" s="20"/>
      <c r="E357" s="20"/>
      <c r="F357" s="20"/>
      <c r="G357" s="21" t="s">
        <v>3995</v>
      </c>
      <c r="H357" s="20"/>
    </row>
    <row r="358" spans="1:8" ht="21.75" customHeight="1" x14ac:dyDescent="0.2">
      <c r="A358" s="49">
        <v>182</v>
      </c>
      <c r="B358" s="18" t="s">
        <v>833</v>
      </c>
      <c r="C358" s="18" t="s">
        <v>858</v>
      </c>
      <c r="D358" s="18" t="s">
        <v>859</v>
      </c>
      <c r="E358" s="18" t="s">
        <v>860</v>
      </c>
      <c r="F358" s="18" t="s">
        <v>861</v>
      </c>
      <c r="G358" s="18" t="s">
        <v>862</v>
      </c>
      <c r="H358" s="18" t="s">
        <v>4767</v>
      </c>
    </row>
    <row r="359" spans="1:8" ht="15" customHeight="1" x14ac:dyDescent="0.2">
      <c r="A359" s="49"/>
      <c r="B359" s="20"/>
      <c r="C359" s="20"/>
      <c r="D359" s="20"/>
      <c r="E359" s="20"/>
      <c r="F359" s="20"/>
      <c r="G359" s="21" t="s">
        <v>4767</v>
      </c>
      <c r="H359" s="20"/>
    </row>
    <row r="360" spans="1:8" ht="21.75" customHeight="1" x14ac:dyDescent="0.2">
      <c r="A360" s="49">
        <v>183</v>
      </c>
      <c r="B360" s="18" t="s">
        <v>833</v>
      </c>
      <c r="C360" s="18" t="s">
        <v>863</v>
      </c>
      <c r="D360" s="18" t="s">
        <v>864</v>
      </c>
      <c r="E360" s="18" t="s">
        <v>865</v>
      </c>
      <c r="F360" s="18" t="s">
        <v>866</v>
      </c>
      <c r="G360" s="18" t="s">
        <v>4768</v>
      </c>
      <c r="H360" s="18" t="s">
        <v>3996</v>
      </c>
    </row>
    <row r="361" spans="1:8" ht="15" customHeight="1" x14ac:dyDescent="0.2">
      <c r="A361" s="49"/>
      <c r="B361" s="20"/>
      <c r="C361" s="20"/>
      <c r="D361" s="20"/>
      <c r="E361" s="20"/>
      <c r="F361" s="20"/>
      <c r="G361" s="21" t="s">
        <v>4769</v>
      </c>
      <c r="H361" s="20"/>
    </row>
    <row r="362" spans="1:8" ht="21.75" customHeight="1" x14ac:dyDescent="0.2">
      <c r="A362" s="49">
        <v>184</v>
      </c>
      <c r="B362" s="18" t="s">
        <v>833</v>
      </c>
      <c r="C362" s="18" t="s">
        <v>867</v>
      </c>
      <c r="D362" s="18" t="s">
        <v>868</v>
      </c>
      <c r="E362" s="18" t="s">
        <v>869</v>
      </c>
      <c r="F362" s="18" t="s">
        <v>870</v>
      </c>
      <c r="G362" s="18" t="s">
        <v>871</v>
      </c>
      <c r="H362" s="18" t="s">
        <v>3997</v>
      </c>
    </row>
    <row r="363" spans="1:8" ht="15" customHeight="1" x14ac:dyDescent="0.2">
      <c r="A363" s="49"/>
      <c r="B363" s="20"/>
      <c r="C363" s="20"/>
      <c r="D363" s="20"/>
      <c r="E363" s="20"/>
      <c r="F363" s="20"/>
      <c r="G363" s="21" t="s">
        <v>4888</v>
      </c>
      <c r="H363" s="20"/>
    </row>
    <row r="364" spans="1:8" ht="21.75" customHeight="1" x14ac:dyDescent="0.2">
      <c r="A364" s="49">
        <v>185</v>
      </c>
      <c r="B364" s="18" t="s">
        <v>833</v>
      </c>
      <c r="C364" s="18" t="s">
        <v>872</v>
      </c>
      <c r="D364" s="18" t="s">
        <v>855</v>
      </c>
      <c r="E364" s="18" t="s">
        <v>873</v>
      </c>
      <c r="F364" s="18" t="s">
        <v>874</v>
      </c>
      <c r="G364" s="18" t="s">
        <v>875</v>
      </c>
      <c r="H364" s="18" t="s">
        <v>3998</v>
      </c>
    </row>
    <row r="365" spans="1:8" ht="15" customHeight="1" x14ac:dyDescent="0.2">
      <c r="A365" s="49"/>
      <c r="B365" s="20"/>
      <c r="C365" s="20"/>
      <c r="D365" s="20"/>
      <c r="E365" s="20"/>
      <c r="F365" s="20"/>
      <c r="G365" s="21" t="s">
        <v>3999</v>
      </c>
      <c r="H365" s="20"/>
    </row>
    <row r="366" spans="1:8" ht="21.75" customHeight="1" x14ac:dyDescent="0.2">
      <c r="A366" s="49">
        <v>186</v>
      </c>
      <c r="B366" s="18" t="s">
        <v>833</v>
      </c>
      <c r="C366" s="18" t="s">
        <v>876</v>
      </c>
      <c r="D366" s="18" t="s">
        <v>877</v>
      </c>
      <c r="E366" s="18" t="s">
        <v>878</v>
      </c>
      <c r="F366" s="18" t="s">
        <v>879</v>
      </c>
      <c r="G366" s="18" t="s">
        <v>880</v>
      </c>
      <c r="H366" s="18" t="s">
        <v>4000</v>
      </c>
    </row>
    <row r="367" spans="1:8" ht="15" customHeight="1" x14ac:dyDescent="0.2">
      <c r="A367" s="49"/>
      <c r="B367" s="20"/>
      <c r="C367" s="20"/>
      <c r="D367" s="20"/>
      <c r="E367" s="20"/>
      <c r="F367" s="20"/>
      <c r="G367" s="21" t="s">
        <v>4000</v>
      </c>
      <c r="H367" s="20"/>
    </row>
    <row r="368" spans="1:8" ht="21.6" customHeight="1" x14ac:dyDescent="0.2">
      <c r="A368" s="49">
        <v>187</v>
      </c>
      <c r="B368" s="18" t="s">
        <v>833</v>
      </c>
      <c r="C368" s="18" t="s">
        <v>881</v>
      </c>
      <c r="D368" s="18" t="s">
        <v>882</v>
      </c>
      <c r="E368" s="18" t="s">
        <v>883</v>
      </c>
      <c r="F368" s="18" t="s">
        <v>884</v>
      </c>
      <c r="G368" s="18" t="s">
        <v>885</v>
      </c>
      <c r="H368" s="18" t="s">
        <v>4770</v>
      </c>
    </row>
    <row r="369" spans="1:8" ht="15" customHeight="1" x14ac:dyDescent="0.2">
      <c r="A369" s="49"/>
      <c r="B369" s="20"/>
      <c r="C369" s="20"/>
      <c r="D369" s="20"/>
      <c r="E369" s="20"/>
      <c r="F369" s="20"/>
      <c r="G369" s="21" t="s">
        <v>2145</v>
      </c>
      <c r="H369" s="20"/>
    </row>
    <row r="370" spans="1:8" ht="21.75" customHeight="1" x14ac:dyDescent="0.2">
      <c r="A370" s="49">
        <v>188</v>
      </c>
      <c r="B370" s="18" t="s">
        <v>833</v>
      </c>
      <c r="C370" s="18" t="s">
        <v>886</v>
      </c>
      <c r="D370" s="18" t="s">
        <v>882</v>
      </c>
      <c r="E370" s="18" t="s">
        <v>887</v>
      </c>
      <c r="F370" s="18" t="s">
        <v>888</v>
      </c>
      <c r="G370" s="18" t="s">
        <v>885</v>
      </c>
      <c r="H370" s="18" t="s">
        <v>4001</v>
      </c>
    </row>
    <row r="371" spans="1:8" ht="15" customHeight="1" x14ac:dyDescent="0.2">
      <c r="A371" s="49"/>
      <c r="B371" s="20"/>
      <c r="C371" s="20"/>
      <c r="D371" s="20"/>
      <c r="E371" s="20"/>
      <c r="F371" s="20"/>
      <c r="G371" s="21" t="s">
        <v>2145</v>
      </c>
      <c r="H371" s="20"/>
    </row>
    <row r="372" spans="1:8" ht="21.75" customHeight="1" x14ac:dyDescent="0.2">
      <c r="A372" s="49">
        <v>189</v>
      </c>
      <c r="B372" s="18" t="s">
        <v>889</v>
      </c>
      <c r="C372" s="18" t="s">
        <v>890</v>
      </c>
      <c r="D372" s="18" t="s">
        <v>891</v>
      </c>
      <c r="E372" s="18" t="s">
        <v>892</v>
      </c>
      <c r="F372" s="18" t="s">
        <v>893</v>
      </c>
      <c r="G372" s="18" t="s">
        <v>894</v>
      </c>
      <c r="H372" s="18" t="s">
        <v>4002</v>
      </c>
    </row>
    <row r="373" spans="1:8" ht="15" customHeight="1" x14ac:dyDescent="0.2">
      <c r="A373" s="49"/>
      <c r="B373" s="20"/>
      <c r="C373" s="20"/>
      <c r="D373" s="20"/>
      <c r="E373" s="20"/>
      <c r="F373" s="20"/>
      <c r="G373" s="21" t="s">
        <v>4003</v>
      </c>
      <c r="H373" s="20"/>
    </row>
    <row r="374" spans="1:8" ht="21.75" customHeight="1" x14ac:dyDescent="0.2">
      <c r="A374" s="49">
        <v>190</v>
      </c>
      <c r="B374" s="18" t="s">
        <v>889</v>
      </c>
      <c r="C374" s="18" t="s">
        <v>895</v>
      </c>
      <c r="D374" s="18" t="s">
        <v>896</v>
      </c>
      <c r="E374" s="18" t="s">
        <v>897</v>
      </c>
      <c r="F374" s="18" t="s">
        <v>898</v>
      </c>
      <c r="G374" s="18" t="s">
        <v>899</v>
      </c>
      <c r="H374" s="18" t="s">
        <v>4004</v>
      </c>
    </row>
    <row r="375" spans="1:8" ht="15" customHeight="1" x14ac:dyDescent="0.2">
      <c r="A375" s="49"/>
      <c r="B375" s="20"/>
      <c r="C375" s="20"/>
      <c r="D375" s="20"/>
      <c r="E375" s="20"/>
      <c r="F375" s="20"/>
      <c r="G375" s="21" t="s">
        <v>4005</v>
      </c>
      <c r="H375" s="20"/>
    </row>
    <row r="376" spans="1:8" ht="21.75" customHeight="1" x14ac:dyDescent="0.2">
      <c r="A376" s="49">
        <v>191</v>
      </c>
      <c r="B376" s="18" t="s">
        <v>889</v>
      </c>
      <c r="C376" s="18" t="s">
        <v>900</v>
      </c>
      <c r="D376" s="18" t="s">
        <v>901</v>
      </c>
      <c r="E376" s="18" t="s">
        <v>902</v>
      </c>
      <c r="F376" s="18" t="s">
        <v>903</v>
      </c>
      <c r="G376" s="18" t="s">
        <v>904</v>
      </c>
      <c r="H376" s="18" t="s">
        <v>4006</v>
      </c>
    </row>
    <row r="377" spans="1:8" ht="15" customHeight="1" x14ac:dyDescent="0.2">
      <c r="A377" s="49"/>
      <c r="B377" s="20"/>
      <c r="C377" s="20"/>
      <c r="D377" s="20"/>
      <c r="E377" s="20"/>
      <c r="F377" s="20"/>
      <c r="G377" s="21" t="s">
        <v>4007</v>
      </c>
      <c r="H377" s="20"/>
    </row>
    <row r="378" spans="1:8" ht="21.75" customHeight="1" x14ac:dyDescent="0.2">
      <c r="A378" s="49">
        <v>192</v>
      </c>
      <c r="B378" s="18" t="s">
        <v>889</v>
      </c>
      <c r="C378" s="18" t="s">
        <v>905</v>
      </c>
      <c r="D378" s="18" t="s">
        <v>906</v>
      </c>
      <c r="E378" s="18" t="s">
        <v>907</v>
      </c>
      <c r="F378" s="18" t="s">
        <v>908</v>
      </c>
      <c r="G378" s="18" t="s">
        <v>458</v>
      </c>
      <c r="H378" s="18" t="s">
        <v>4008</v>
      </c>
    </row>
    <row r="379" spans="1:8" ht="15" customHeight="1" x14ac:dyDescent="0.2">
      <c r="A379" s="49"/>
      <c r="B379" s="20"/>
      <c r="C379" s="20"/>
      <c r="D379" s="20"/>
      <c r="E379" s="20"/>
      <c r="F379" s="20"/>
      <c r="G379" s="21" t="s">
        <v>3880</v>
      </c>
      <c r="H379" s="20"/>
    </row>
    <row r="380" spans="1:8" ht="21.6" customHeight="1" x14ac:dyDescent="0.2">
      <c r="A380" s="49">
        <v>193</v>
      </c>
      <c r="B380" s="18" t="s">
        <v>889</v>
      </c>
      <c r="C380" s="18" t="s">
        <v>909</v>
      </c>
      <c r="D380" s="18" t="s">
        <v>910</v>
      </c>
      <c r="E380" s="18" t="s">
        <v>911</v>
      </c>
      <c r="F380" s="18" t="s">
        <v>912</v>
      </c>
      <c r="G380" s="18" t="s">
        <v>913</v>
      </c>
      <c r="H380" s="18" t="s">
        <v>4889</v>
      </c>
    </row>
    <row r="381" spans="1:8" ht="15" customHeight="1" x14ac:dyDescent="0.2">
      <c r="A381" s="49"/>
      <c r="B381" s="20"/>
      <c r="C381" s="20"/>
      <c r="D381" s="20"/>
      <c r="E381" s="20"/>
      <c r="F381" s="20"/>
      <c r="G381" s="21" t="s">
        <v>4009</v>
      </c>
      <c r="H381" s="20"/>
    </row>
    <row r="382" spans="1:8" ht="21.75" customHeight="1" x14ac:dyDescent="0.2">
      <c r="A382" s="49">
        <v>194</v>
      </c>
      <c r="B382" s="18" t="s">
        <v>889</v>
      </c>
      <c r="C382" s="18" t="s">
        <v>914</v>
      </c>
      <c r="D382" s="18" t="s">
        <v>910</v>
      </c>
      <c r="E382" s="18" t="s">
        <v>915</v>
      </c>
      <c r="F382" s="18" t="s">
        <v>916</v>
      </c>
      <c r="G382" s="18" t="s">
        <v>917</v>
      </c>
      <c r="H382" s="18" t="s">
        <v>4010</v>
      </c>
    </row>
    <row r="383" spans="1:8" ht="15" customHeight="1" x14ac:dyDescent="0.2">
      <c r="A383" s="49"/>
      <c r="B383" s="20"/>
      <c r="C383" s="20"/>
      <c r="D383" s="20"/>
      <c r="E383" s="20"/>
      <c r="F383" s="20"/>
      <c r="G383" s="21" t="s">
        <v>4010</v>
      </c>
      <c r="H383" s="20"/>
    </row>
    <row r="384" spans="1:8" ht="21.75" customHeight="1" x14ac:dyDescent="0.2">
      <c r="A384" s="49">
        <v>195</v>
      </c>
      <c r="B384" s="18" t="s">
        <v>889</v>
      </c>
      <c r="C384" s="18" t="s">
        <v>918</v>
      </c>
      <c r="D384" s="18" t="s">
        <v>919</v>
      </c>
      <c r="E384" s="18" t="s">
        <v>920</v>
      </c>
      <c r="F384" s="18" t="s">
        <v>921</v>
      </c>
      <c r="G384" s="18" t="s">
        <v>922</v>
      </c>
      <c r="H384" s="18" t="s">
        <v>4011</v>
      </c>
    </row>
    <row r="385" spans="1:8" ht="15" customHeight="1" x14ac:dyDescent="0.2">
      <c r="A385" s="49"/>
      <c r="B385" s="20"/>
      <c r="C385" s="20"/>
      <c r="D385" s="20"/>
      <c r="E385" s="20"/>
      <c r="F385" s="20"/>
      <c r="G385" s="21" t="s">
        <v>4011</v>
      </c>
      <c r="H385" s="20"/>
    </row>
    <row r="386" spans="1:8" ht="21.75" customHeight="1" x14ac:dyDescent="0.2">
      <c r="A386" s="49">
        <v>196</v>
      </c>
      <c r="B386" s="18" t="s">
        <v>889</v>
      </c>
      <c r="C386" s="18" t="s">
        <v>923</v>
      </c>
      <c r="D386" s="18" t="s">
        <v>919</v>
      </c>
      <c r="E386" s="18" t="s">
        <v>924</v>
      </c>
      <c r="F386" s="18" t="s">
        <v>925</v>
      </c>
      <c r="G386" s="18" t="s">
        <v>926</v>
      </c>
      <c r="H386" s="18" t="s">
        <v>4012</v>
      </c>
    </row>
    <row r="387" spans="1:8" ht="15" customHeight="1" x14ac:dyDescent="0.2">
      <c r="A387" s="49"/>
      <c r="B387" s="20"/>
      <c r="C387" s="20"/>
      <c r="D387" s="20"/>
      <c r="E387" s="20"/>
      <c r="F387" s="20"/>
      <c r="G387" s="21" t="s">
        <v>4012</v>
      </c>
      <c r="H387" s="20"/>
    </row>
    <row r="388" spans="1:8" ht="21.75" customHeight="1" x14ac:dyDescent="0.2">
      <c r="A388" s="49">
        <v>197</v>
      </c>
      <c r="B388" s="18" t="s">
        <v>927</v>
      </c>
      <c r="C388" s="18" t="s">
        <v>928</v>
      </c>
      <c r="D388" s="18" t="s">
        <v>929</v>
      </c>
      <c r="E388" s="18" t="s">
        <v>930</v>
      </c>
      <c r="F388" s="18" t="s">
        <v>931</v>
      </c>
      <c r="G388" s="18" t="s">
        <v>932</v>
      </c>
      <c r="H388" s="18" t="s">
        <v>4013</v>
      </c>
    </row>
    <row r="389" spans="1:8" ht="15" customHeight="1" x14ac:dyDescent="0.2">
      <c r="A389" s="49"/>
      <c r="B389" s="20"/>
      <c r="C389" s="20"/>
      <c r="D389" s="20"/>
      <c r="E389" s="20"/>
      <c r="F389" s="20"/>
      <c r="G389" s="21" t="s">
        <v>4014</v>
      </c>
      <c r="H389" s="20"/>
    </row>
    <row r="390" spans="1:8" ht="21.75" customHeight="1" x14ac:dyDescent="0.2">
      <c r="A390" s="49">
        <v>198</v>
      </c>
      <c r="B390" s="18" t="s">
        <v>927</v>
      </c>
      <c r="C390" s="18" t="s">
        <v>933</v>
      </c>
      <c r="D390" s="18" t="s">
        <v>934</v>
      </c>
      <c r="E390" s="18" t="s">
        <v>935</v>
      </c>
      <c r="F390" s="18" t="s">
        <v>936</v>
      </c>
      <c r="G390" s="18" t="s">
        <v>932</v>
      </c>
      <c r="H390" s="18" t="s">
        <v>4015</v>
      </c>
    </row>
    <row r="391" spans="1:8" ht="15" customHeight="1" x14ac:dyDescent="0.2">
      <c r="A391" s="49"/>
      <c r="B391" s="20"/>
      <c r="C391" s="20"/>
      <c r="D391" s="20"/>
      <c r="E391" s="20"/>
      <c r="F391" s="20"/>
      <c r="G391" s="21" t="s">
        <v>4014</v>
      </c>
      <c r="H391" s="20"/>
    </row>
    <row r="392" spans="1:8" ht="21.75" customHeight="1" x14ac:dyDescent="0.2">
      <c r="A392" s="49">
        <v>199</v>
      </c>
      <c r="B392" s="18" t="s">
        <v>927</v>
      </c>
      <c r="C392" s="18" t="s">
        <v>4771</v>
      </c>
      <c r="D392" s="18" t="s">
        <v>937</v>
      </c>
      <c r="E392" s="18" t="s">
        <v>4772</v>
      </c>
      <c r="F392" s="18" t="s">
        <v>938</v>
      </c>
      <c r="G392" s="18" t="s">
        <v>939</v>
      </c>
      <c r="H392" s="18" t="s">
        <v>4773</v>
      </c>
    </row>
    <row r="393" spans="1:8" ht="15" customHeight="1" x14ac:dyDescent="0.2">
      <c r="A393" s="49"/>
      <c r="B393" s="20"/>
      <c r="C393" s="20"/>
      <c r="D393" s="20"/>
      <c r="E393" s="20"/>
      <c r="F393" s="20"/>
      <c r="G393" s="21" t="s">
        <v>4016</v>
      </c>
      <c r="H393" s="20"/>
    </row>
    <row r="394" spans="1:8" ht="21.6" customHeight="1" x14ac:dyDescent="0.2">
      <c r="A394" s="49">
        <v>200</v>
      </c>
      <c r="B394" s="18" t="s">
        <v>927</v>
      </c>
      <c r="C394" s="18" t="s">
        <v>940</v>
      </c>
      <c r="D394" s="18" t="s">
        <v>941</v>
      </c>
      <c r="E394" s="18" t="s">
        <v>942</v>
      </c>
      <c r="F394" s="18" t="s">
        <v>943</v>
      </c>
      <c r="G394" s="18" t="s">
        <v>944</v>
      </c>
      <c r="H394" s="18" t="s">
        <v>4017</v>
      </c>
    </row>
    <row r="395" spans="1:8" ht="15" customHeight="1" x14ac:dyDescent="0.2">
      <c r="A395" s="49"/>
      <c r="B395" s="20"/>
      <c r="C395" s="20"/>
      <c r="D395" s="20"/>
      <c r="E395" s="20"/>
      <c r="F395" s="20"/>
      <c r="G395" s="20" t="s">
        <v>4018</v>
      </c>
      <c r="H395" s="20"/>
    </row>
    <row r="396" spans="1:8" ht="21.75" customHeight="1" x14ac:dyDescent="0.2">
      <c r="A396" s="49">
        <v>201</v>
      </c>
      <c r="B396" s="18" t="s">
        <v>927</v>
      </c>
      <c r="C396" s="18" t="s">
        <v>945</v>
      </c>
      <c r="D396" s="18" t="s">
        <v>946</v>
      </c>
      <c r="E396" s="18" t="s">
        <v>947</v>
      </c>
      <c r="F396" s="18" t="s">
        <v>948</v>
      </c>
      <c r="G396" s="18" t="s">
        <v>949</v>
      </c>
      <c r="H396" s="18" t="s">
        <v>3876</v>
      </c>
    </row>
    <row r="397" spans="1:8" ht="15" customHeight="1" x14ac:dyDescent="0.2">
      <c r="A397" s="49"/>
      <c r="B397" s="20"/>
      <c r="C397" s="20"/>
      <c r="D397" s="20"/>
      <c r="E397" s="20"/>
      <c r="F397" s="20"/>
      <c r="G397" s="21" t="s">
        <v>4019</v>
      </c>
      <c r="H397" s="20"/>
    </row>
    <row r="398" spans="1:8" ht="21.75" customHeight="1" x14ac:dyDescent="0.2">
      <c r="A398" s="49">
        <v>202</v>
      </c>
      <c r="B398" s="18" t="s">
        <v>927</v>
      </c>
      <c r="C398" s="18" t="s">
        <v>950</v>
      </c>
      <c r="D398" s="18" t="s">
        <v>951</v>
      </c>
      <c r="E398" s="18" t="s">
        <v>952</v>
      </c>
      <c r="F398" s="18" t="s">
        <v>953</v>
      </c>
      <c r="G398" s="18" t="s">
        <v>954</v>
      </c>
      <c r="H398" s="18" t="s">
        <v>4020</v>
      </c>
    </row>
    <row r="399" spans="1:8" ht="15" customHeight="1" x14ac:dyDescent="0.2">
      <c r="A399" s="49"/>
      <c r="B399" s="20"/>
      <c r="C399" s="20"/>
      <c r="D399" s="20"/>
      <c r="E399" s="20"/>
      <c r="F399" s="20"/>
      <c r="G399" s="21" t="s">
        <v>4021</v>
      </c>
      <c r="H399" s="20"/>
    </row>
    <row r="400" spans="1:8" ht="21.75" customHeight="1" x14ac:dyDescent="0.2">
      <c r="A400" s="49">
        <v>203</v>
      </c>
      <c r="B400" s="18" t="s">
        <v>927</v>
      </c>
      <c r="C400" s="18" t="s">
        <v>955</v>
      </c>
      <c r="D400" s="18" t="s">
        <v>956</v>
      </c>
      <c r="E400" s="18" t="s">
        <v>957</v>
      </c>
      <c r="F400" s="18" t="s">
        <v>958</v>
      </c>
      <c r="G400" s="18" t="s">
        <v>959</v>
      </c>
      <c r="H400" s="18" t="s">
        <v>4022</v>
      </c>
    </row>
    <row r="401" spans="1:8" ht="15" customHeight="1" x14ac:dyDescent="0.2">
      <c r="A401" s="49"/>
      <c r="B401" s="20"/>
      <c r="C401" s="20"/>
      <c r="D401" s="20"/>
      <c r="E401" s="20"/>
      <c r="F401" s="20"/>
      <c r="G401" s="21" t="s">
        <v>4023</v>
      </c>
      <c r="H401" s="20"/>
    </row>
    <row r="402" spans="1:8" ht="21.75" customHeight="1" x14ac:dyDescent="0.2">
      <c r="A402" s="49">
        <v>204</v>
      </c>
      <c r="B402" s="18" t="s">
        <v>927</v>
      </c>
      <c r="C402" s="18" t="s">
        <v>960</v>
      </c>
      <c r="D402" s="18" t="s">
        <v>929</v>
      </c>
      <c r="E402" s="18" t="s">
        <v>961</v>
      </c>
      <c r="F402" s="18" t="s">
        <v>962</v>
      </c>
      <c r="G402" s="18" t="s">
        <v>963</v>
      </c>
      <c r="H402" s="18" t="s">
        <v>4024</v>
      </c>
    </row>
    <row r="403" spans="1:8" ht="15" customHeight="1" x14ac:dyDescent="0.2">
      <c r="A403" s="49"/>
      <c r="B403" s="20"/>
      <c r="C403" s="20"/>
      <c r="D403" s="20"/>
      <c r="E403" s="20"/>
      <c r="F403" s="20"/>
      <c r="G403" s="21" t="s">
        <v>4025</v>
      </c>
      <c r="H403" s="20"/>
    </row>
    <row r="404" spans="1:8" ht="21.75" customHeight="1" x14ac:dyDescent="0.2">
      <c r="A404" s="49">
        <v>205</v>
      </c>
      <c r="B404" s="18" t="s">
        <v>927</v>
      </c>
      <c r="C404" s="18" t="s">
        <v>964</v>
      </c>
      <c r="D404" s="18" t="s">
        <v>965</v>
      </c>
      <c r="E404" s="18" t="s">
        <v>966</v>
      </c>
      <c r="F404" s="18" t="s">
        <v>967</v>
      </c>
      <c r="G404" s="18" t="s">
        <v>968</v>
      </c>
      <c r="H404" s="18" t="s">
        <v>4026</v>
      </c>
    </row>
    <row r="405" spans="1:8" ht="15" customHeight="1" x14ac:dyDescent="0.2">
      <c r="A405" s="49"/>
      <c r="B405" s="20"/>
      <c r="C405" s="20"/>
      <c r="D405" s="20"/>
      <c r="E405" s="20"/>
      <c r="F405" s="20"/>
      <c r="G405" s="21" t="s">
        <v>4027</v>
      </c>
      <c r="H405" s="20"/>
    </row>
    <row r="406" spans="1:8" ht="21.6" customHeight="1" x14ac:dyDescent="0.2">
      <c r="A406" s="49">
        <v>206</v>
      </c>
      <c r="B406" s="18" t="s">
        <v>927</v>
      </c>
      <c r="C406" s="18" t="s">
        <v>969</v>
      </c>
      <c r="D406" s="18" t="s">
        <v>970</v>
      </c>
      <c r="E406" s="18" t="s">
        <v>971</v>
      </c>
      <c r="F406" s="18" t="s">
        <v>972</v>
      </c>
      <c r="G406" s="18" t="s">
        <v>973</v>
      </c>
      <c r="H406" s="18" t="s">
        <v>4774</v>
      </c>
    </row>
    <row r="407" spans="1:8" ht="15" customHeight="1" x14ac:dyDescent="0.2">
      <c r="A407" s="49"/>
      <c r="B407" s="20"/>
      <c r="C407" s="20"/>
      <c r="D407" s="20"/>
      <c r="E407" s="20"/>
      <c r="F407" s="20"/>
      <c r="G407" s="21" t="s">
        <v>4028</v>
      </c>
      <c r="H407" s="20"/>
    </row>
    <row r="408" spans="1:8" ht="21.75" customHeight="1" x14ac:dyDescent="0.2">
      <c r="A408" s="49">
        <v>207</v>
      </c>
      <c r="B408" s="18" t="s">
        <v>927</v>
      </c>
      <c r="C408" s="18" t="s">
        <v>974</v>
      </c>
      <c r="D408" s="18" t="s">
        <v>956</v>
      </c>
      <c r="E408" s="18" t="s">
        <v>975</v>
      </c>
      <c r="F408" s="18" t="s">
        <v>976</v>
      </c>
      <c r="G408" s="18" t="s">
        <v>977</v>
      </c>
      <c r="H408" s="18" t="s">
        <v>4775</v>
      </c>
    </row>
    <row r="409" spans="1:8" ht="15" customHeight="1" x14ac:dyDescent="0.2">
      <c r="A409" s="49"/>
      <c r="B409" s="20"/>
      <c r="C409" s="20"/>
      <c r="D409" s="20"/>
      <c r="E409" s="20"/>
      <c r="F409" s="20"/>
      <c r="G409" s="21" t="s">
        <v>4029</v>
      </c>
      <c r="H409" s="20"/>
    </row>
    <row r="410" spans="1:8" ht="21.75" customHeight="1" x14ac:dyDescent="0.2">
      <c r="A410" s="49">
        <v>208</v>
      </c>
      <c r="B410" s="18" t="s">
        <v>927</v>
      </c>
      <c r="C410" s="18" t="s">
        <v>978</v>
      </c>
      <c r="D410" s="18" t="s">
        <v>979</v>
      </c>
      <c r="E410" s="18" t="s">
        <v>980</v>
      </c>
      <c r="F410" s="18" t="s">
        <v>981</v>
      </c>
      <c r="G410" s="18" t="s">
        <v>982</v>
      </c>
      <c r="H410" s="18" t="s">
        <v>4776</v>
      </c>
    </row>
    <row r="411" spans="1:8" ht="15" customHeight="1" x14ac:dyDescent="0.2">
      <c r="A411" s="49"/>
      <c r="B411" s="20"/>
      <c r="C411" s="20"/>
      <c r="D411" s="20"/>
      <c r="E411" s="20"/>
      <c r="F411" s="20"/>
      <c r="G411" s="21" t="s">
        <v>4030</v>
      </c>
      <c r="H411" s="20"/>
    </row>
    <row r="412" spans="1:8" ht="21.75" customHeight="1" x14ac:dyDescent="0.2">
      <c r="A412" s="49">
        <v>209</v>
      </c>
      <c r="B412" s="18" t="s">
        <v>927</v>
      </c>
      <c r="C412" s="18" t="s">
        <v>983</v>
      </c>
      <c r="D412" s="18" t="s">
        <v>984</v>
      </c>
      <c r="E412" s="18" t="s">
        <v>985</v>
      </c>
      <c r="F412" s="18" t="s">
        <v>986</v>
      </c>
      <c r="G412" s="18" t="s">
        <v>987</v>
      </c>
      <c r="H412" s="18" t="s">
        <v>4031</v>
      </c>
    </row>
    <row r="413" spans="1:8" ht="15" customHeight="1" x14ac:dyDescent="0.2">
      <c r="A413" s="49"/>
      <c r="B413" s="20"/>
      <c r="C413" s="20"/>
      <c r="D413" s="20"/>
      <c r="E413" s="20"/>
      <c r="F413" s="20"/>
      <c r="G413" s="21" t="s">
        <v>3745</v>
      </c>
      <c r="H413" s="20"/>
    </row>
    <row r="414" spans="1:8" ht="21.75" customHeight="1" x14ac:dyDescent="0.2">
      <c r="A414" s="49">
        <v>210</v>
      </c>
      <c r="B414" s="18" t="s">
        <v>927</v>
      </c>
      <c r="C414" s="18" t="s">
        <v>988</v>
      </c>
      <c r="D414" s="18" t="s">
        <v>989</v>
      </c>
      <c r="E414" s="18" t="s">
        <v>990</v>
      </c>
      <c r="F414" s="18" t="s">
        <v>991</v>
      </c>
      <c r="G414" s="18" t="s">
        <v>992</v>
      </c>
      <c r="H414" s="18" t="s">
        <v>4032</v>
      </c>
    </row>
    <row r="415" spans="1:8" ht="15" customHeight="1" x14ac:dyDescent="0.2">
      <c r="A415" s="49"/>
      <c r="B415" s="20"/>
      <c r="C415" s="20"/>
      <c r="D415" s="20"/>
      <c r="E415" s="20"/>
      <c r="F415" s="20"/>
      <c r="G415" s="21" t="s">
        <v>4033</v>
      </c>
      <c r="H415" s="20"/>
    </row>
    <row r="416" spans="1:8" ht="21.75" customHeight="1" x14ac:dyDescent="0.2">
      <c r="A416" s="49">
        <v>211</v>
      </c>
      <c r="B416" s="18" t="s">
        <v>927</v>
      </c>
      <c r="C416" s="18" t="s">
        <v>993</v>
      </c>
      <c r="D416" s="18" t="s">
        <v>994</v>
      </c>
      <c r="E416" s="18" t="s">
        <v>995</v>
      </c>
      <c r="F416" s="18" t="s">
        <v>996</v>
      </c>
      <c r="G416" s="18" t="s">
        <v>997</v>
      </c>
      <c r="H416" s="18" t="s">
        <v>4034</v>
      </c>
    </row>
    <row r="417" spans="1:8" ht="15" customHeight="1" x14ac:dyDescent="0.2">
      <c r="A417" s="49"/>
      <c r="B417" s="20"/>
      <c r="C417" s="20"/>
      <c r="D417" s="20"/>
      <c r="E417" s="20"/>
      <c r="F417" s="20"/>
      <c r="G417" s="21" t="s">
        <v>4035</v>
      </c>
      <c r="H417" s="20"/>
    </row>
    <row r="418" spans="1:8" ht="21.6" customHeight="1" x14ac:dyDescent="0.2">
      <c r="A418" s="49">
        <v>212</v>
      </c>
      <c r="B418" s="18" t="s">
        <v>927</v>
      </c>
      <c r="C418" s="18" t="s">
        <v>998</v>
      </c>
      <c r="D418" s="18" t="s">
        <v>999</v>
      </c>
      <c r="E418" s="18" t="s">
        <v>1000</v>
      </c>
      <c r="F418" s="18" t="s">
        <v>1001</v>
      </c>
      <c r="G418" s="18" t="s">
        <v>939</v>
      </c>
      <c r="H418" s="18" t="s">
        <v>4036</v>
      </c>
    </row>
    <row r="419" spans="1:8" ht="15" customHeight="1" x14ac:dyDescent="0.2">
      <c r="A419" s="49"/>
      <c r="B419" s="20"/>
      <c r="C419" s="20"/>
      <c r="D419" s="20"/>
      <c r="E419" s="20"/>
      <c r="F419" s="20"/>
      <c r="G419" s="21" t="s">
        <v>4016</v>
      </c>
      <c r="H419" s="20"/>
    </row>
    <row r="420" spans="1:8" ht="21.75" customHeight="1" x14ac:dyDescent="0.2">
      <c r="A420" s="49">
        <v>213</v>
      </c>
      <c r="B420" s="18" t="s">
        <v>927</v>
      </c>
      <c r="C420" s="18" t="s">
        <v>1002</v>
      </c>
      <c r="D420" s="18" t="s">
        <v>1003</v>
      </c>
      <c r="E420" s="18" t="s">
        <v>1004</v>
      </c>
      <c r="F420" s="18" t="s">
        <v>1005</v>
      </c>
      <c r="G420" s="18" t="s">
        <v>1006</v>
      </c>
      <c r="H420" s="18" t="s">
        <v>4037</v>
      </c>
    </row>
    <row r="421" spans="1:8" ht="15" customHeight="1" x14ac:dyDescent="0.2">
      <c r="A421" s="49"/>
      <c r="B421" s="20"/>
      <c r="C421" s="20"/>
      <c r="D421" s="20"/>
      <c r="E421" s="20"/>
      <c r="F421" s="20"/>
      <c r="G421" s="21" t="s">
        <v>4777</v>
      </c>
      <c r="H421" s="20"/>
    </row>
    <row r="422" spans="1:8" ht="21.75" customHeight="1" x14ac:dyDescent="0.2">
      <c r="A422" s="49">
        <v>214</v>
      </c>
      <c r="B422" s="18" t="s">
        <v>927</v>
      </c>
      <c r="C422" s="18" t="s">
        <v>1007</v>
      </c>
      <c r="D422" s="18" t="s">
        <v>1008</v>
      </c>
      <c r="E422" s="18" t="s">
        <v>1009</v>
      </c>
      <c r="F422" s="18" t="s">
        <v>1010</v>
      </c>
      <c r="G422" s="18" t="s">
        <v>1011</v>
      </c>
      <c r="H422" s="18" t="s">
        <v>4038</v>
      </c>
    </row>
    <row r="423" spans="1:8" ht="15" customHeight="1" x14ac:dyDescent="0.2">
      <c r="A423" s="49"/>
      <c r="B423" s="20"/>
      <c r="C423" s="20"/>
      <c r="D423" s="20"/>
      <c r="E423" s="20"/>
      <c r="F423" s="20"/>
      <c r="G423" s="21" t="s">
        <v>4039</v>
      </c>
      <c r="H423" s="20"/>
    </row>
    <row r="424" spans="1:8" ht="21.75" customHeight="1" x14ac:dyDescent="0.2">
      <c r="A424" s="49">
        <v>215</v>
      </c>
      <c r="B424" s="18" t="s">
        <v>1012</v>
      </c>
      <c r="C424" s="18" t="s">
        <v>1013</v>
      </c>
      <c r="D424" s="18" t="s">
        <v>1014</v>
      </c>
      <c r="E424" s="18" t="s">
        <v>1015</v>
      </c>
      <c r="F424" s="18" t="s">
        <v>1016</v>
      </c>
      <c r="G424" s="18" t="s">
        <v>1017</v>
      </c>
      <c r="H424" s="18" t="s">
        <v>4040</v>
      </c>
    </row>
    <row r="425" spans="1:8" ht="15" customHeight="1" x14ac:dyDescent="0.2">
      <c r="A425" s="49"/>
      <c r="B425" s="20"/>
      <c r="C425" s="20"/>
      <c r="D425" s="20"/>
      <c r="E425" s="20"/>
      <c r="F425" s="20"/>
      <c r="G425" s="21" t="s">
        <v>4041</v>
      </c>
      <c r="H425" s="20"/>
    </row>
    <row r="426" spans="1:8" ht="21.75" customHeight="1" x14ac:dyDescent="0.2">
      <c r="A426" s="49">
        <v>216</v>
      </c>
      <c r="B426" s="18" t="s">
        <v>1012</v>
      </c>
      <c r="C426" s="18" t="s">
        <v>1018</v>
      </c>
      <c r="D426" s="18" t="s">
        <v>1019</v>
      </c>
      <c r="E426" s="18" t="s">
        <v>1020</v>
      </c>
      <c r="F426" s="18" t="s">
        <v>1021</v>
      </c>
      <c r="G426" s="18" t="s">
        <v>1022</v>
      </c>
      <c r="H426" s="18" t="s">
        <v>4042</v>
      </c>
    </row>
    <row r="427" spans="1:8" ht="15" customHeight="1" x14ac:dyDescent="0.2">
      <c r="A427" s="49"/>
      <c r="B427" s="20"/>
      <c r="C427" s="20"/>
      <c r="D427" s="20"/>
      <c r="E427" s="20"/>
      <c r="F427" s="20"/>
      <c r="G427" s="21" t="s">
        <v>3726</v>
      </c>
      <c r="H427" s="20"/>
    </row>
    <row r="428" spans="1:8" ht="21.75" customHeight="1" x14ac:dyDescent="0.2">
      <c r="A428" s="49">
        <v>217</v>
      </c>
      <c r="B428" s="18" t="s">
        <v>1012</v>
      </c>
      <c r="C428" s="18" t="s">
        <v>1023</v>
      </c>
      <c r="D428" s="18" t="s">
        <v>1024</v>
      </c>
      <c r="E428" s="18" t="s">
        <v>1025</v>
      </c>
      <c r="F428" s="18" t="s">
        <v>1026</v>
      </c>
      <c r="G428" s="18" t="s">
        <v>1027</v>
      </c>
      <c r="H428" s="18" t="s">
        <v>4043</v>
      </c>
    </row>
    <row r="429" spans="1:8" ht="15" customHeight="1" x14ac:dyDescent="0.2">
      <c r="A429" s="49"/>
      <c r="B429" s="20"/>
      <c r="C429" s="20"/>
      <c r="D429" s="20"/>
      <c r="E429" s="20"/>
      <c r="F429" s="20"/>
      <c r="G429" s="21" t="s">
        <v>4044</v>
      </c>
      <c r="H429" s="20"/>
    </row>
    <row r="430" spans="1:8" ht="21.75" customHeight="1" x14ac:dyDescent="0.2">
      <c r="A430" s="49">
        <v>218</v>
      </c>
      <c r="B430" s="18" t="s">
        <v>1012</v>
      </c>
      <c r="C430" s="18" t="s">
        <v>1028</v>
      </c>
      <c r="D430" s="18" t="s">
        <v>1029</v>
      </c>
      <c r="E430" s="18" t="s">
        <v>1030</v>
      </c>
      <c r="F430" s="18" t="s">
        <v>1031</v>
      </c>
      <c r="G430" s="18" t="s">
        <v>1032</v>
      </c>
      <c r="H430" s="18" t="s">
        <v>4045</v>
      </c>
    </row>
    <row r="431" spans="1:8" ht="15" customHeight="1" x14ac:dyDescent="0.2">
      <c r="A431" s="49"/>
      <c r="B431" s="20"/>
      <c r="C431" s="20"/>
      <c r="D431" s="20"/>
      <c r="E431" s="20"/>
      <c r="F431" s="20"/>
      <c r="G431" s="21" t="s">
        <v>4045</v>
      </c>
      <c r="H431" s="20"/>
    </row>
    <row r="432" spans="1:8" ht="21.75" customHeight="1" x14ac:dyDescent="0.2">
      <c r="A432" s="49">
        <v>219</v>
      </c>
      <c r="B432" s="18" t="s">
        <v>1012</v>
      </c>
      <c r="C432" s="18" t="s">
        <v>1033</v>
      </c>
      <c r="D432" s="18" t="s">
        <v>1014</v>
      </c>
      <c r="E432" s="18" t="s">
        <v>1034</v>
      </c>
      <c r="F432" s="18" t="s">
        <v>1035</v>
      </c>
      <c r="G432" s="18" t="s">
        <v>1036</v>
      </c>
      <c r="H432" s="18" t="s">
        <v>4046</v>
      </c>
    </row>
    <row r="433" spans="1:8" ht="15" customHeight="1" x14ac:dyDescent="0.2">
      <c r="A433" s="49"/>
      <c r="B433" s="20"/>
      <c r="C433" s="20"/>
      <c r="D433" s="20"/>
      <c r="E433" s="20"/>
      <c r="F433" s="20"/>
      <c r="G433" s="21" t="s">
        <v>4046</v>
      </c>
      <c r="H433" s="20"/>
    </row>
    <row r="434" spans="1:8" ht="21.75" customHeight="1" x14ac:dyDescent="0.2">
      <c r="A434" s="49">
        <v>220</v>
      </c>
      <c r="B434" s="18" t="s">
        <v>1012</v>
      </c>
      <c r="C434" s="18" t="s">
        <v>1037</v>
      </c>
      <c r="D434" s="18" t="s">
        <v>1038</v>
      </c>
      <c r="E434" s="18" t="s">
        <v>1039</v>
      </c>
      <c r="F434" s="18" t="s">
        <v>1040</v>
      </c>
      <c r="G434" s="18" t="s">
        <v>1041</v>
      </c>
      <c r="H434" s="18" t="s">
        <v>4047</v>
      </c>
    </row>
    <row r="435" spans="1:8" ht="15" customHeight="1" x14ac:dyDescent="0.2">
      <c r="A435" s="49"/>
      <c r="B435" s="20"/>
      <c r="C435" s="20"/>
      <c r="D435" s="20"/>
      <c r="E435" s="20"/>
      <c r="F435" s="20"/>
      <c r="G435" s="21" t="s">
        <v>4048</v>
      </c>
      <c r="H435" s="20"/>
    </row>
    <row r="436" spans="1:8" ht="26.4" customHeight="1" x14ac:dyDescent="0.2">
      <c r="A436" s="49">
        <v>221</v>
      </c>
      <c r="B436" s="18" t="s">
        <v>1012</v>
      </c>
      <c r="C436" s="18" t="s">
        <v>1042</v>
      </c>
      <c r="D436" s="18" t="s">
        <v>1043</v>
      </c>
      <c r="E436" s="18" t="s">
        <v>1044</v>
      </c>
      <c r="F436" s="18" t="s">
        <v>1045</v>
      </c>
      <c r="G436" s="18" t="s">
        <v>1046</v>
      </c>
      <c r="H436" s="18" t="s">
        <v>4049</v>
      </c>
    </row>
    <row r="437" spans="1:8" ht="15" customHeight="1" x14ac:dyDescent="0.2">
      <c r="A437" s="49"/>
      <c r="B437" s="20"/>
      <c r="C437" s="20"/>
      <c r="D437" s="20"/>
      <c r="E437" s="20"/>
      <c r="F437" s="20"/>
      <c r="G437" s="21" t="s">
        <v>4050</v>
      </c>
      <c r="H437" s="20"/>
    </row>
    <row r="438" spans="1:8" ht="21.75" customHeight="1" x14ac:dyDescent="0.2">
      <c r="A438" s="49">
        <v>222</v>
      </c>
      <c r="B438" s="18" t="s">
        <v>1012</v>
      </c>
      <c r="C438" s="18" t="s">
        <v>1047</v>
      </c>
      <c r="D438" s="18" t="s">
        <v>1048</v>
      </c>
      <c r="E438" s="18" t="s">
        <v>1049</v>
      </c>
      <c r="F438" s="18" t="s">
        <v>1050</v>
      </c>
      <c r="G438" s="18" t="s">
        <v>1051</v>
      </c>
      <c r="H438" s="18" t="s">
        <v>4051</v>
      </c>
    </row>
    <row r="439" spans="1:8" ht="15" customHeight="1" x14ac:dyDescent="0.2">
      <c r="A439" s="49"/>
      <c r="B439" s="20"/>
      <c r="C439" s="20"/>
      <c r="D439" s="20"/>
      <c r="E439" s="20"/>
      <c r="F439" s="20"/>
      <c r="G439" s="21" t="s">
        <v>4052</v>
      </c>
      <c r="H439" s="20"/>
    </row>
    <row r="440" spans="1:8" ht="21.75" customHeight="1" x14ac:dyDescent="0.2">
      <c r="A440" s="49">
        <v>223</v>
      </c>
      <c r="B440" s="18" t="s">
        <v>1012</v>
      </c>
      <c r="C440" s="18" t="s">
        <v>1052</v>
      </c>
      <c r="D440" s="18" t="s">
        <v>1053</v>
      </c>
      <c r="E440" s="18" t="s">
        <v>1054</v>
      </c>
      <c r="F440" s="18" t="s">
        <v>1055</v>
      </c>
      <c r="G440" s="18" t="s">
        <v>1056</v>
      </c>
      <c r="H440" s="18" t="s">
        <v>4053</v>
      </c>
    </row>
    <row r="441" spans="1:8" ht="15" customHeight="1" x14ac:dyDescent="0.2">
      <c r="A441" s="49"/>
      <c r="B441" s="20"/>
      <c r="C441" s="20"/>
      <c r="D441" s="20"/>
      <c r="E441" s="20"/>
      <c r="F441" s="20"/>
      <c r="G441" s="21" t="s">
        <v>4054</v>
      </c>
      <c r="H441" s="20"/>
    </row>
    <row r="442" spans="1:8" ht="21.75" customHeight="1" x14ac:dyDescent="0.2">
      <c r="A442" s="49">
        <v>224</v>
      </c>
      <c r="B442" s="18" t="s">
        <v>1012</v>
      </c>
      <c r="C442" s="18" t="s">
        <v>1057</v>
      </c>
      <c r="D442" s="18" t="s">
        <v>1058</v>
      </c>
      <c r="E442" s="18" t="s">
        <v>1059</v>
      </c>
      <c r="F442" s="18" t="s">
        <v>1060</v>
      </c>
      <c r="G442" s="18" t="s">
        <v>932</v>
      </c>
      <c r="H442" s="18" t="s">
        <v>4055</v>
      </c>
    </row>
    <row r="443" spans="1:8" ht="15" customHeight="1" x14ac:dyDescent="0.2">
      <c r="A443" s="49"/>
      <c r="B443" s="20"/>
      <c r="C443" s="20"/>
      <c r="D443" s="20"/>
      <c r="E443" s="20"/>
      <c r="F443" s="20"/>
      <c r="G443" s="21" t="s">
        <v>4014</v>
      </c>
      <c r="H443" s="20"/>
    </row>
    <row r="444" spans="1:8" ht="21.75" customHeight="1" x14ac:dyDescent="0.2">
      <c r="A444" s="49">
        <v>225</v>
      </c>
      <c r="B444" s="18" t="s">
        <v>1012</v>
      </c>
      <c r="C444" s="18" t="s">
        <v>1061</v>
      </c>
      <c r="D444" s="18" t="s">
        <v>1062</v>
      </c>
      <c r="E444" s="18" t="s">
        <v>1063</v>
      </c>
      <c r="F444" s="18" t="s">
        <v>1064</v>
      </c>
      <c r="G444" s="18" t="s">
        <v>885</v>
      </c>
      <c r="H444" s="18" t="s">
        <v>4056</v>
      </c>
    </row>
    <row r="445" spans="1:8" ht="15" customHeight="1" x14ac:dyDescent="0.2">
      <c r="A445" s="49"/>
      <c r="B445" s="20"/>
      <c r="C445" s="20"/>
      <c r="D445" s="20"/>
      <c r="E445" s="20"/>
      <c r="F445" s="20"/>
      <c r="G445" s="21" t="s">
        <v>2145</v>
      </c>
      <c r="H445" s="20"/>
    </row>
    <row r="446" spans="1:8" ht="21.75" customHeight="1" x14ac:dyDescent="0.2">
      <c r="A446" s="49">
        <v>226</v>
      </c>
      <c r="B446" s="18" t="s">
        <v>1012</v>
      </c>
      <c r="C446" s="18" t="s">
        <v>1065</v>
      </c>
      <c r="D446" s="18" t="s">
        <v>1066</v>
      </c>
      <c r="E446" s="18" t="s">
        <v>1067</v>
      </c>
      <c r="F446" s="18" t="s">
        <v>1068</v>
      </c>
      <c r="G446" s="18" t="s">
        <v>1069</v>
      </c>
      <c r="H446" s="18" t="s">
        <v>4057</v>
      </c>
    </row>
    <row r="447" spans="1:8" ht="15" customHeight="1" x14ac:dyDescent="0.2">
      <c r="A447" s="49"/>
      <c r="B447" s="20"/>
      <c r="C447" s="20"/>
      <c r="D447" s="20"/>
      <c r="E447" s="20"/>
      <c r="F447" s="20"/>
      <c r="G447" s="21" t="s">
        <v>4058</v>
      </c>
      <c r="H447" s="20"/>
    </row>
    <row r="448" spans="1:8" ht="21.75" customHeight="1" x14ac:dyDescent="0.2">
      <c r="A448" s="49">
        <v>227</v>
      </c>
      <c r="B448" s="18" t="s">
        <v>1070</v>
      </c>
      <c r="C448" s="18" t="s">
        <v>1071</v>
      </c>
      <c r="D448" s="18" t="s">
        <v>1072</v>
      </c>
      <c r="E448" s="18" t="s">
        <v>1073</v>
      </c>
      <c r="F448" s="18" t="s">
        <v>1074</v>
      </c>
      <c r="G448" s="18" t="s">
        <v>1075</v>
      </c>
      <c r="H448" s="18" t="s">
        <v>4778</v>
      </c>
    </row>
    <row r="449" spans="1:8" ht="15" customHeight="1" x14ac:dyDescent="0.2">
      <c r="A449" s="49"/>
      <c r="B449" s="20"/>
      <c r="C449" s="20"/>
      <c r="D449" s="20"/>
      <c r="E449" s="20"/>
      <c r="F449" s="20"/>
      <c r="G449" s="21" t="s">
        <v>4060</v>
      </c>
      <c r="H449" s="20"/>
    </row>
    <row r="450" spans="1:8" ht="21.75" customHeight="1" x14ac:dyDescent="0.2">
      <c r="A450" s="49">
        <v>228</v>
      </c>
      <c r="B450" s="18" t="s">
        <v>1070</v>
      </c>
      <c r="C450" s="18" t="s">
        <v>1076</v>
      </c>
      <c r="D450" s="18" t="s">
        <v>1077</v>
      </c>
      <c r="E450" s="18" t="s">
        <v>1078</v>
      </c>
      <c r="F450" s="18" t="s">
        <v>1079</v>
      </c>
      <c r="G450" s="18" t="s">
        <v>1080</v>
      </c>
      <c r="H450" s="18" t="s">
        <v>4061</v>
      </c>
    </row>
    <row r="451" spans="1:8" ht="15" customHeight="1" x14ac:dyDescent="0.2">
      <c r="A451" s="49"/>
      <c r="B451" s="20"/>
      <c r="C451" s="20"/>
      <c r="D451" s="20"/>
      <c r="E451" s="20"/>
      <c r="F451" s="20"/>
      <c r="G451" s="21" t="s">
        <v>4062</v>
      </c>
      <c r="H451" s="20"/>
    </row>
    <row r="452" spans="1:8" ht="21.75" customHeight="1" x14ac:dyDescent="0.2">
      <c r="A452" s="49">
        <v>229</v>
      </c>
      <c r="B452" s="18" t="s">
        <v>1070</v>
      </c>
      <c r="C452" s="18" t="s">
        <v>1081</v>
      </c>
      <c r="D452" s="18" t="s">
        <v>1082</v>
      </c>
      <c r="E452" s="18" t="s">
        <v>1083</v>
      </c>
      <c r="F452" s="18" t="s">
        <v>1084</v>
      </c>
      <c r="G452" s="18" t="s">
        <v>1085</v>
      </c>
      <c r="H452" s="18" t="s">
        <v>4063</v>
      </c>
    </row>
    <row r="453" spans="1:8" ht="15" customHeight="1" x14ac:dyDescent="0.2">
      <c r="A453" s="49"/>
      <c r="B453" s="20"/>
      <c r="C453" s="20"/>
      <c r="D453" s="20"/>
      <c r="E453" s="20"/>
      <c r="F453" s="20"/>
      <c r="G453" s="21" t="s">
        <v>3745</v>
      </c>
      <c r="H453" s="20"/>
    </row>
    <row r="454" spans="1:8" ht="21.6" customHeight="1" x14ac:dyDescent="0.2">
      <c r="A454" s="49">
        <v>230</v>
      </c>
      <c r="B454" s="18" t="s">
        <v>1070</v>
      </c>
      <c r="C454" s="18" t="s">
        <v>1086</v>
      </c>
      <c r="D454" s="18" t="s">
        <v>1082</v>
      </c>
      <c r="E454" s="18" t="s">
        <v>1087</v>
      </c>
      <c r="F454" s="18" t="s">
        <v>1088</v>
      </c>
      <c r="G454" s="18" t="s">
        <v>15</v>
      </c>
      <c r="H454" s="18" t="s">
        <v>3746</v>
      </c>
    </row>
    <row r="455" spans="1:8" ht="15" customHeight="1" x14ac:dyDescent="0.2">
      <c r="A455" s="49"/>
      <c r="B455" s="20"/>
      <c r="C455" s="20"/>
      <c r="D455" s="20"/>
      <c r="E455" s="20"/>
      <c r="F455" s="20"/>
      <c r="G455" s="21" t="s">
        <v>3747</v>
      </c>
      <c r="H455" s="20"/>
    </row>
    <row r="456" spans="1:8" ht="21.75" customHeight="1" x14ac:dyDescent="0.2">
      <c r="A456" s="49">
        <v>231</v>
      </c>
      <c r="B456" s="18" t="s">
        <v>1070</v>
      </c>
      <c r="C456" s="18" t="s">
        <v>1089</v>
      </c>
      <c r="D456" s="18" t="s">
        <v>1090</v>
      </c>
      <c r="E456" s="18" t="s">
        <v>1091</v>
      </c>
      <c r="F456" s="18" t="s">
        <v>1092</v>
      </c>
      <c r="G456" s="18" t="s">
        <v>1093</v>
      </c>
      <c r="H456" s="18" t="s">
        <v>4064</v>
      </c>
    </row>
    <row r="457" spans="1:8" ht="15" customHeight="1" x14ac:dyDescent="0.2">
      <c r="A457" s="49"/>
      <c r="B457" s="20"/>
      <c r="C457" s="20"/>
      <c r="D457" s="20"/>
      <c r="E457" s="20"/>
      <c r="F457" s="20"/>
      <c r="G457" s="21" t="s">
        <v>4064</v>
      </c>
      <c r="H457" s="20"/>
    </row>
    <row r="458" spans="1:8" ht="21.75" customHeight="1" x14ac:dyDescent="0.2">
      <c r="A458" s="49">
        <v>232</v>
      </c>
      <c r="B458" s="18" t="s">
        <v>1070</v>
      </c>
      <c r="C458" s="18" t="s">
        <v>1094</v>
      </c>
      <c r="D458" s="18" t="s">
        <v>1095</v>
      </c>
      <c r="E458" s="18" t="s">
        <v>1096</v>
      </c>
      <c r="F458" s="18" t="s">
        <v>1097</v>
      </c>
      <c r="G458" s="18" t="s">
        <v>1098</v>
      </c>
      <c r="H458" s="18" t="s">
        <v>4779</v>
      </c>
    </row>
    <row r="459" spans="1:8" ht="15" customHeight="1" x14ac:dyDescent="0.2">
      <c r="A459" s="49"/>
      <c r="B459" s="20"/>
      <c r="C459" s="20"/>
      <c r="D459" s="20"/>
      <c r="E459" s="20"/>
      <c r="F459" s="20"/>
      <c r="G459" s="21" t="s">
        <v>4065</v>
      </c>
      <c r="H459" s="20"/>
    </row>
    <row r="460" spans="1:8" ht="21.75" customHeight="1" x14ac:dyDescent="0.2">
      <c r="A460" s="49">
        <v>233</v>
      </c>
      <c r="B460" s="18" t="s">
        <v>1070</v>
      </c>
      <c r="C460" s="18" t="s">
        <v>1099</v>
      </c>
      <c r="D460" s="18" t="s">
        <v>1100</v>
      </c>
      <c r="E460" s="18" t="s">
        <v>1101</v>
      </c>
      <c r="F460" s="18" t="s">
        <v>1102</v>
      </c>
      <c r="G460" s="18" t="s">
        <v>1103</v>
      </c>
      <c r="H460" s="18" t="s">
        <v>4780</v>
      </c>
    </row>
    <row r="461" spans="1:8" ht="15" customHeight="1" x14ac:dyDescent="0.2">
      <c r="A461" s="49"/>
      <c r="B461" s="20"/>
      <c r="C461" s="20"/>
      <c r="D461" s="20"/>
      <c r="E461" s="20"/>
      <c r="F461" s="20"/>
      <c r="G461" s="21" t="s">
        <v>4780</v>
      </c>
      <c r="H461" s="20"/>
    </row>
    <row r="462" spans="1:8" ht="21.75" customHeight="1" x14ac:dyDescent="0.2">
      <c r="A462" s="49">
        <v>234</v>
      </c>
      <c r="B462" s="18" t="s">
        <v>1070</v>
      </c>
      <c r="C462" s="18" t="s">
        <v>1104</v>
      </c>
      <c r="D462" s="18" t="s">
        <v>1105</v>
      </c>
      <c r="E462" s="18" t="s">
        <v>1106</v>
      </c>
      <c r="F462" s="18" t="s">
        <v>1107</v>
      </c>
      <c r="G462" s="18" t="s">
        <v>1108</v>
      </c>
      <c r="H462" s="18" t="s">
        <v>4066</v>
      </c>
    </row>
    <row r="463" spans="1:8" ht="15" customHeight="1" x14ac:dyDescent="0.2">
      <c r="A463" s="49"/>
      <c r="B463" s="20"/>
      <c r="C463" s="20"/>
      <c r="D463" s="20"/>
      <c r="E463" s="20"/>
      <c r="F463" s="20"/>
      <c r="G463" s="21" t="s">
        <v>4066</v>
      </c>
      <c r="H463" s="20"/>
    </row>
    <row r="464" spans="1:8" ht="21.75" customHeight="1" x14ac:dyDescent="0.2">
      <c r="A464" s="49">
        <v>235</v>
      </c>
      <c r="B464" s="18" t="s">
        <v>1070</v>
      </c>
      <c r="C464" s="18" t="s">
        <v>1109</v>
      </c>
      <c r="D464" s="18" t="s">
        <v>1110</v>
      </c>
      <c r="E464" s="18" t="s">
        <v>1111</v>
      </c>
      <c r="F464" s="18" t="s">
        <v>1112</v>
      </c>
      <c r="G464" s="18" t="s">
        <v>1113</v>
      </c>
      <c r="H464" s="18" t="s">
        <v>4067</v>
      </c>
    </row>
    <row r="465" spans="1:8" ht="15" customHeight="1" x14ac:dyDescent="0.2">
      <c r="A465" s="49"/>
      <c r="B465" s="20"/>
      <c r="C465" s="20"/>
      <c r="D465" s="20"/>
      <c r="E465" s="20"/>
      <c r="F465" s="20"/>
      <c r="G465" s="21" t="s">
        <v>4067</v>
      </c>
      <c r="H465" s="20"/>
    </row>
    <row r="466" spans="1:8" ht="21.75" customHeight="1" x14ac:dyDescent="0.2">
      <c r="A466" s="49">
        <v>236</v>
      </c>
      <c r="B466" s="18" t="s">
        <v>1070</v>
      </c>
      <c r="C466" s="18" t="s">
        <v>1114</v>
      </c>
      <c r="D466" s="18" t="s">
        <v>1115</v>
      </c>
      <c r="E466" s="18" t="s">
        <v>1116</v>
      </c>
      <c r="F466" s="18" t="s">
        <v>1117</v>
      </c>
      <c r="G466" s="18" t="s">
        <v>1118</v>
      </c>
      <c r="H466" s="18" t="s">
        <v>4068</v>
      </c>
    </row>
    <row r="467" spans="1:8" ht="15" customHeight="1" x14ac:dyDescent="0.2">
      <c r="A467" s="49"/>
      <c r="B467" s="20"/>
      <c r="C467" s="20"/>
      <c r="D467" s="20"/>
      <c r="E467" s="20"/>
      <c r="F467" s="20"/>
      <c r="G467" s="21" t="s">
        <v>4069</v>
      </c>
      <c r="H467" s="20"/>
    </row>
    <row r="468" spans="1:8" ht="21.75" customHeight="1" x14ac:dyDescent="0.2">
      <c r="A468" s="49">
        <v>237</v>
      </c>
      <c r="B468" s="18" t="s">
        <v>1070</v>
      </c>
      <c r="C468" s="18" t="s">
        <v>1119</v>
      </c>
      <c r="D468" s="18" t="s">
        <v>1082</v>
      </c>
      <c r="E468" s="18" t="s">
        <v>1120</v>
      </c>
      <c r="F468" s="18" t="s">
        <v>1121</v>
      </c>
      <c r="G468" s="18" t="s">
        <v>1122</v>
      </c>
      <c r="H468" s="18" t="s">
        <v>4070</v>
      </c>
    </row>
    <row r="469" spans="1:8" ht="15" customHeight="1" x14ac:dyDescent="0.2">
      <c r="A469" s="49"/>
      <c r="B469" s="20"/>
      <c r="C469" s="20"/>
      <c r="D469" s="20"/>
      <c r="E469" s="20"/>
      <c r="F469" s="20"/>
      <c r="G469" s="21" t="s">
        <v>4071</v>
      </c>
      <c r="H469" s="20"/>
    </row>
    <row r="470" spans="1:8" ht="21.75" customHeight="1" x14ac:dyDescent="0.2">
      <c r="A470" s="49">
        <v>238</v>
      </c>
      <c r="B470" s="18" t="s">
        <v>1070</v>
      </c>
      <c r="C470" s="18" t="s">
        <v>1123</v>
      </c>
      <c r="D470" s="18" t="s">
        <v>1115</v>
      </c>
      <c r="E470" s="18" t="s">
        <v>1124</v>
      </c>
      <c r="F470" s="18" t="s">
        <v>1125</v>
      </c>
      <c r="G470" s="18" t="s">
        <v>1126</v>
      </c>
      <c r="H470" s="18" t="s">
        <v>4072</v>
      </c>
    </row>
    <row r="471" spans="1:8" ht="15" customHeight="1" x14ac:dyDescent="0.2">
      <c r="A471" s="49"/>
      <c r="B471" s="20"/>
      <c r="C471" s="20"/>
      <c r="D471" s="20"/>
      <c r="E471" s="20"/>
      <c r="F471" s="20"/>
      <c r="G471" s="21" t="s">
        <v>4073</v>
      </c>
      <c r="H471" s="20"/>
    </row>
    <row r="472" spans="1:8" ht="21.75" customHeight="1" x14ac:dyDescent="0.2">
      <c r="A472" s="49">
        <v>239</v>
      </c>
      <c r="B472" s="18" t="s">
        <v>1070</v>
      </c>
      <c r="C472" s="18" t="s">
        <v>1127</v>
      </c>
      <c r="D472" s="18" t="s">
        <v>1128</v>
      </c>
      <c r="E472" s="18" t="s">
        <v>1129</v>
      </c>
      <c r="F472" s="18" t="s">
        <v>1130</v>
      </c>
      <c r="G472" s="18" t="s">
        <v>1131</v>
      </c>
      <c r="H472" s="18" t="s">
        <v>4074</v>
      </c>
    </row>
    <row r="473" spans="1:8" ht="15" customHeight="1" x14ac:dyDescent="0.2">
      <c r="A473" s="49"/>
      <c r="B473" s="20"/>
      <c r="C473" s="20"/>
      <c r="D473" s="20"/>
      <c r="E473" s="20"/>
      <c r="F473" s="20"/>
      <c r="G473" s="21" t="s">
        <v>4075</v>
      </c>
      <c r="H473" s="20"/>
    </row>
    <row r="474" spans="1:8" ht="21.75" customHeight="1" x14ac:dyDescent="0.2">
      <c r="A474" s="49">
        <v>240</v>
      </c>
      <c r="B474" s="18" t="s">
        <v>1070</v>
      </c>
      <c r="C474" s="18" t="s">
        <v>1132</v>
      </c>
      <c r="D474" s="18" t="s">
        <v>1133</v>
      </c>
      <c r="E474" s="18" t="s">
        <v>1134</v>
      </c>
      <c r="F474" s="18" t="s">
        <v>1135</v>
      </c>
      <c r="G474" s="18" t="s">
        <v>1075</v>
      </c>
      <c r="H474" s="18" t="s">
        <v>4059</v>
      </c>
    </row>
    <row r="475" spans="1:8" ht="15" customHeight="1" x14ac:dyDescent="0.2">
      <c r="A475" s="49"/>
      <c r="B475" s="20"/>
      <c r="C475" s="20"/>
      <c r="D475" s="20"/>
      <c r="E475" s="20"/>
      <c r="F475" s="20"/>
      <c r="G475" s="20" t="s">
        <v>4060</v>
      </c>
      <c r="H475" s="20"/>
    </row>
    <row r="476" spans="1:8" ht="21.75" customHeight="1" x14ac:dyDescent="0.2">
      <c r="A476" s="49">
        <v>241</v>
      </c>
      <c r="B476" s="18" t="s">
        <v>1070</v>
      </c>
      <c r="C476" s="18" t="s">
        <v>1136</v>
      </c>
      <c r="D476" s="18" t="s">
        <v>1137</v>
      </c>
      <c r="E476" s="18" t="s">
        <v>1138</v>
      </c>
      <c r="F476" s="18" t="s">
        <v>1139</v>
      </c>
      <c r="G476" s="18" t="s">
        <v>1140</v>
      </c>
      <c r="H476" s="18" t="s">
        <v>4076</v>
      </c>
    </row>
    <row r="477" spans="1:8" ht="15" customHeight="1" x14ac:dyDescent="0.2">
      <c r="A477" s="49"/>
      <c r="B477" s="20"/>
      <c r="C477" s="20"/>
      <c r="D477" s="20"/>
      <c r="E477" s="20"/>
      <c r="F477" s="20"/>
      <c r="G477" s="21" t="s">
        <v>4076</v>
      </c>
      <c r="H477" s="20"/>
    </row>
    <row r="478" spans="1:8" ht="21.75" customHeight="1" x14ac:dyDescent="0.2">
      <c r="A478" s="49">
        <v>242</v>
      </c>
      <c r="B478" s="18" t="s">
        <v>1070</v>
      </c>
      <c r="C478" s="18" t="s">
        <v>1141</v>
      </c>
      <c r="D478" s="18" t="s">
        <v>1142</v>
      </c>
      <c r="E478" s="18" t="s">
        <v>1143</v>
      </c>
      <c r="F478" s="18" t="s">
        <v>1144</v>
      </c>
      <c r="G478" s="18" t="s">
        <v>1075</v>
      </c>
      <c r="H478" s="18" t="s">
        <v>4077</v>
      </c>
    </row>
    <row r="479" spans="1:8" ht="15" customHeight="1" x14ac:dyDescent="0.2">
      <c r="A479" s="49"/>
      <c r="B479" s="20"/>
      <c r="C479" s="20"/>
      <c r="D479" s="20"/>
      <c r="E479" s="20"/>
      <c r="F479" s="20"/>
      <c r="G479" s="21" t="s">
        <v>4060</v>
      </c>
      <c r="H479" s="20"/>
    </row>
    <row r="480" spans="1:8" ht="21.6" customHeight="1" x14ac:dyDescent="0.2">
      <c r="A480" s="49">
        <v>243</v>
      </c>
      <c r="B480" s="18" t="s">
        <v>1070</v>
      </c>
      <c r="C480" s="18" t="s">
        <v>1145</v>
      </c>
      <c r="D480" s="18" t="s">
        <v>1082</v>
      </c>
      <c r="E480" s="18" t="s">
        <v>1146</v>
      </c>
      <c r="F480" s="18" t="s">
        <v>1147</v>
      </c>
      <c r="G480" s="18" t="s">
        <v>1148</v>
      </c>
      <c r="H480" s="18" t="s">
        <v>4078</v>
      </c>
    </row>
    <row r="481" spans="1:8" ht="15" customHeight="1" x14ac:dyDescent="0.2">
      <c r="A481" s="49"/>
      <c r="B481" s="20"/>
      <c r="C481" s="20"/>
      <c r="D481" s="20"/>
      <c r="E481" s="20"/>
      <c r="F481" s="20"/>
      <c r="G481" s="21" t="s">
        <v>4078</v>
      </c>
      <c r="H481" s="20"/>
    </row>
    <row r="482" spans="1:8" ht="21.75" customHeight="1" x14ac:dyDescent="0.2">
      <c r="A482" s="49">
        <v>244</v>
      </c>
      <c r="B482" s="18" t="s">
        <v>1070</v>
      </c>
      <c r="C482" s="18" t="s">
        <v>1149</v>
      </c>
      <c r="D482" s="18" t="s">
        <v>1150</v>
      </c>
      <c r="E482" s="18" t="s">
        <v>1151</v>
      </c>
      <c r="F482" s="18" t="s">
        <v>1152</v>
      </c>
      <c r="G482" s="18" t="s">
        <v>1153</v>
      </c>
      <c r="H482" s="18" t="s">
        <v>4079</v>
      </c>
    </row>
    <row r="483" spans="1:8" ht="15" customHeight="1" x14ac:dyDescent="0.2">
      <c r="A483" s="49"/>
      <c r="B483" s="20"/>
      <c r="C483" s="20"/>
      <c r="D483" s="20"/>
      <c r="E483" s="20"/>
      <c r="F483" s="20"/>
      <c r="G483" s="21" t="s">
        <v>4080</v>
      </c>
      <c r="H483" s="20"/>
    </row>
    <row r="484" spans="1:8" ht="21.75" customHeight="1" x14ac:dyDescent="0.2">
      <c r="A484" s="49">
        <v>246</v>
      </c>
      <c r="B484" s="18" t="s">
        <v>1154</v>
      </c>
      <c r="C484" s="18" t="s">
        <v>1155</v>
      </c>
      <c r="D484" s="18" t="s">
        <v>1156</v>
      </c>
      <c r="E484" s="18" t="s">
        <v>1157</v>
      </c>
      <c r="F484" s="18" t="s">
        <v>1158</v>
      </c>
      <c r="G484" s="18" t="s">
        <v>1159</v>
      </c>
      <c r="H484" s="18" t="s">
        <v>4081</v>
      </c>
    </row>
    <row r="485" spans="1:8" ht="15" customHeight="1" x14ac:dyDescent="0.2">
      <c r="A485" s="49"/>
      <c r="B485" s="20"/>
      <c r="C485" s="20"/>
      <c r="D485" s="20"/>
      <c r="E485" s="20"/>
      <c r="F485" s="20"/>
      <c r="G485" s="21" t="s">
        <v>4082</v>
      </c>
      <c r="H485" s="20"/>
    </row>
    <row r="486" spans="1:8" ht="21.75" customHeight="1" x14ac:dyDescent="0.2">
      <c r="A486" s="49">
        <v>247</v>
      </c>
      <c r="B486" s="18" t="s">
        <v>1154</v>
      </c>
      <c r="C486" s="18" t="s">
        <v>1160</v>
      </c>
      <c r="D486" s="18" t="s">
        <v>1161</v>
      </c>
      <c r="E486" s="18" t="s">
        <v>1162</v>
      </c>
      <c r="F486" s="18" t="s">
        <v>1163</v>
      </c>
      <c r="G486" s="18" t="s">
        <v>1164</v>
      </c>
      <c r="H486" s="18" t="s">
        <v>4781</v>
      </c>
    </row>
    <row r="487" spans="1:8" ht="15" customHeight="1" x14ac:dyDescent="0.2">
      <c r="A487" s="49"/>
      <c r="B487" s="20"/>
      <c r="C487" s="20"/>
      <c r="D487" s="20"/>
      <c r="E487" s="20"/>
      <c r="F487" s="20"/>
      <c r="G487" s="21" t="s">
        <v>4781</v>
      </c>
      <c r="H487" s="20"/>
    </row>
    <row r="488" spans="1:8" ht="21.75" customHeight="1" x14ac:dyDescent="0.2">
      <c r="A488" s="49">
        <v>248</v>
      </c>
      <c r="B488" s="18" t="s">
        <v>1154</v>
      </c>
      <c r="C488" s="18" t="s">
        <v>1165</v>
      </c>
      <c r="D488" s="18" t="s">
        <v>1166</v>
      </c>
      <c r="E488" s="18" t="s">
        <v>1167</v>
      </c>
      <c r="F488" s="18" t="s">
        <v>1168</v>
      </c>
      <c r="G488" s="18" t="s">
        <v>1169</v>
      </c>
      <c r="H488" s="18" t="s">
        <v>4083</v>
      </c>
    </row>
    <row r="489" spans="1:8" ht="15" customHeight="1" x14ac:dyDescent="0.2">
      <c r="A489" s="49"/>
      <c r="B489" s="20"/>
      <c r="C489" s="20"/>
      <c r="D489" s="20"/>
      <c r="E489" s="20"/>
      <c r="F489" s="20"/>
      <c r="G489" s="21" t="s">
        <v>4083</v>
      </c>
      <c r="H489" s="20"/>
    </row>
    <row r="490" spans="1:8" ht="21.75" customHeight="1" x14ac:dyDescent="0.2">
      <c r="A490" s="49">
        <v>249</v>
      </c>
      <c r="B490" s="18" t="s">
        <v>1154</v>
      </c>
      <c r="C490" s="18" t="s">
        <v>1170</v>
      </c>
      <c r="D490" s="18" t="s">
        <v>1171</v>
      </c>
      <c r="E490" s="18" t="s">
        <v>1172</v>
      </c>
      <c r="F490" s="18" t="s">
        <v>1173</v>
      </c>
      <c r="G490" s="18" t="s">
        <v>1174</v>
      </c>
      <c r="H490" s="18" t="s">
        <v>4084</v>
      </c>
    </row>
    <row r="491" spans="1:8" ht="15" customHeight="1" x14ac:dyDescent="0.2">
      <c r="A491" s="49"/>
      <c r="B491" s="20"/>
      <c r="C491" s="20"/>
      <c r="D491" s="20"/>
      <c r="E491" s="20"/>
      <c r="F491" s="20"/>
      <c r="G491" s="21" t="s">
        <v>4085</v>
      </c>
      <c r="H491" s="20"/>
    </row>
    <row r="492" spans="1:8" ht="21.75" customHeight="1" x14ac:dyDescent="0.2">
      <c r="A492" s="49">
        <v>250</v>
      </c>
      <c r="B492" s="18" t="s">
        <v>1154</v>
      </c>
      <c r="C492" s="18" t="s">
        <v>1175</v>
      </c>
      <c r="D492" s="18" t="s">
        <v>1176</v>
      </c>
      <c r="E492" s="18" t="s">
        <v>1177</v>
      </c>
      <c r="F492" s="18" t="s">
        <v>1178</v>
      </c>
      <c r="G492" s="18" t="s">
        <v>1126</v>
      </c>
      <c r="H492" s="18" t="s">
        <v>4072</v>
      </c>
    </row>
    <row r="493" spans="1:8" ht="15" customHeight="1" x14ac:dyDescent="0.2">
      <c r="A493" s="49"/>
      <c r="B493" s="20"/>
      <c r="C493" s="20"/>
      <c r="D493" s="20"/>
      <c r="E493" s="20"/>
      <c r="F493" s="20"/>
      <c r="G493" s="21" t="s">
        <v>4073</v>
      </c>
      <c r="H493" s="20"/>
    </row>
    <row r="494" spans="1:8" ht="21.75" customHeight="1" x14ac:dyDescent="0.2">
      <c r="A494" s="49">
        <v>251</v>
      </c>
      <c r="B494" s="18" t="s">
        <v>1154</v>
      </c>
      <c r="C494" s="18" t="s">
        <v>1179</v>
      </c>
      <c r="D494" s="18" t="s">
        <v>1180</v>
      </c>
      <c r="E494" s="18" t="s">
        <v>1181</v>
      </c>
      <c r="F494" s="18" t="s">
        <v>1182</v>
      </c>
      <c r="G494" s="18" t="s">
        <v>1183</v>
      </c>
      <c r="H494" s="18" t="s">
        <v>4086</v>
      </c>
    </row>
    <row r="495" spans="1:8" ht="15" customHeight="1" x14ac:dyDescent="0.2">
      <c r="A495" s="49"/>
      <c r="B495" s="20"/>
      <c r="C495" s="20"/>
      <c r="D495" s="20"/>
      <c r="E495" s="20"/>
      <c r="F495" s="20"/>
      <c r="G495" s="21" t="s">
        <v>4086</v>
      </c>
      <c r="H495" s="20"/>
    </row>
    <row r="496" spans="1:8" ht="21.75" customHeight="1" x14ac:dyDescent="0.2">
      <c r="A496" s="49">
        <v>252</v>
      </c>
      <c r="B496" s="18" t="s">
        <v>1154</v>
      </c>
      <c r="C496" s="18" t="s">
        <v>1184</v>
      </c>
      <c r="D496" s="18" t="s">
        <v>1161</v>
      </c>
      <c r="E496" s="18" t="s">
        <v>1185</v>
      </c>
      <c r="F496" s="18" t="s">
        <v>1186</v>
      </c>
      <c r="G496" s="18" t="s">
        <v>1187</v>
      </c>
      <c r="H496" s="18" t="s">
        <v>4087</v>
      </c>
    </row>
    <row r="497" spans="1:8" ht="15" customHeight="1" x14ac:dyDescent="0.2">
      <c r="A497" s="49"/>
      <c r="B497" s="20"/>
      <c r="C497" s="20"/>
      <c r="D497" s="20"/>
      <c r="E497" s="20"/>
      <c r="F497" s="20"/>
      <c r="G497" s="21" t="s">
        <v>3745</v>
      </c>
      <c r="H497" s="20"/>
    </row>
    <row r="498" spans="1:8" ht="21.75" customHeight="1" x14ac:dyDescent="0.2">
      <c r="A498" s="49">
        <v>253</v>
      </c>
      <c r="B498" s="18" t="s">
        <v>1154</v>
      </c>
      <c r="C498" s="18" t="s">
        <v>1188</v>
      </c>
      <c r="D498" s="18" t="s">
        <v>1189</v>
      </c>
      <c r="E498" s="18" t="s">
        <v>1190</v>
      </c>
      <c r="F498" s="18" t="s">
        <v>1191</v>
      </c>
      <c r="G498" s="18" t="s">
        <v>1192</v>
      </c>
      <c r="H498" s="18" t="s">
        <v>4088</v>
      </c>
    </row>
    <row r="499" spans="1:8" ht="15" customHeight="1" x14ac:dyDescent="0.2">
      <c r="A499" s="49"/>
      <c r="B499" s="20"/>
      <c r="C499" s="20"/>
      <c r="D499" s="20"/>
      <c r="E499" s="20"/>
      <c r="F499" s="20"/>
      <c r="G499" s="21" t="s">
        <v>4088</v>
      </c>
      <c r="H499" s="20"/>
    </row>
    <row r="500" spans="1:8" ht="21.75" customHeight="1" x14ac:dyDescent="0.2">
      <c r="A500" s="49">
        <v>254</v>
      </c>
      <c r="B500" s="18" t="s">
        <v>1154</v>
      </c>
      <c r="C500" s="18" t="s">
        <v>1193</v>
      </c>
      <c r="D500" s="18" t="s">
        <v>1194</v>
      </c>
      <c r="E500" s="18" t="s">
        <v>1195</v>
      </c>
      <c r="F500" s="18" t="s">
        <v>1196</v>
      </c>
      <c r="G500" s="18" t="s">
        <v>1197</v>
      </c>
      <c r="H500" s="18" t="s">
        <v>4089</v>
      </c>
    </row>
    <row r="501" spans="1:8" ht="15" customHeight="1" x14ac:dyDescent="0.2">
      <c r="A501" s="49"/>
      <c r="B501" s="20"/>
      <c r="C501" s="20"/>
      <c r="D501" s="20"/>
      <c r="E501" s="20"/>
      <c r="F501" s="20"/>
      <c r="G501" s="21" t="s">
        <v>4090</v>
      </c>
      <c r="H501" s="20"/>
    </row>
    <row r="502" spans="1:8" ht="21.75" customHeight="1" x14ac:dyDescent="0.2">
      <c r="A502" s="49">
        <v>255</v>
      </c>
      <c r="B502" s="18" t="s">
        <v>1198</v>
      </c>
      <c r="C502" s="18" t="s">
        <v>1199</v>
      </c>
      <c r="D502" s="18" t="s">
        <v>1200</v>
      </c>
      <c r="E502" s="18" t="s">
        <v>1201</v>
      </c>
      <c r="F502" s="18" t="s">
        <v>1202</v>
      </c>
      <c r="G502" s="18" t="s">
        <v>1203</v>
      </c>
      <c r="H502" s="23" t="s">
        <v>3237</v>
      </c>
    </row>
    <row r="503" spans="1:8" ht="15" customHeight="1" x14ac:dyDescent="0.2">
      <c r="A503" s="49"/>
      <c r="B503" s="20"/>
      <c r="C503" s="20"/>
      <c r="D503" s="20"/>
      <c r="E503" s="20"/>
      <c r="F503" s="20"/>
      <c r="G503" s="20" t="s">
        <v>4091</v>
      </c>
      <c r="H503" s="20"/>
    </row>
    <row r="504" spans="1:8" ht="21.75" customHeight="1" x14ac:dyDescent="0.2">
      <c r="A504" s="49">
        <v>256</v>
      </c>
      <c r="B504" s="18" t="s">
        <v>1198</v>
      </c>
      <c r="C504" s="18" t="s">
        <v>1204</v>
      </c>
      <c r="D504" s="18" t="s">
        <v>1205</v>
      </c>
      <c r="E504" s="18" t="s">
        <v>1206</v>
      </c>
      <c r="F504" s="18" t="s">
        <v>1207</v>
      </c>
      <c r="G504" s="26" t="s">
        <v>1208</v>
      </c>
      <c r="H504" s="18" t="s">
        <v>4092</v>
      </c>
    </row>
    <row r="505" spans="1:8" ht="15" customHeight="1" x14ac:dyDescent="0.2">
      <c r="A505" s="49"/>
      <c r="B505" s="20"/>
      <c r="C505" s="20"/>
      <c r="D505" s="20"/>
      <c r="E505" s="20"/>
      <c r="F505" s="20"/>
      <c r="G505" s="21" t="s">
        <v>3745</v>
      </c>
      <c r="H505" s="20"/>
    </row>
    <row r="506" spans="1:8" ht="21.75" customHeight="1" x14ac:dyDescent="0.2">
      <c r="A506" s="49">
        <v>257</v>
      </c>
      <c r="B506" s="18" t="s">
        <v>1198</v>
      </c>
      <c r="C506" s="18" t="s">
        <v>1209</v>
      </c>
      <c r="D506" s="18" t="s">
        <v>1210</v>
      </c>
      <c r="E506" s="18" t="s">
        <v>1211</v>
      </c>
      <c r="F506" s="18" t="s">
        <v>1212</v>
      </c>
      <c r="G506" s="18" t="s">
        <v>1213</v>
      </c>
      <c r="H506" s="18" t="s">
        <v>4093</v>
      </c>
    </row>
    <row r="507" spans="1:8" ht="15" customHeight="1" x14ac:dyDescent="0.2">
      <c r="A507" s="49"/>
      <c r="B507" s="20"/>
      <c r="C507" s="20"/>
      <c r="D507" s="20"/>
      <c r="E507" s="20"/>
      <c r="F507" s="20"/>
      <c r="G507" s="21" t="s">
        <v>4094</v>
      </c>
      <c r="H507" s="20"/>
    </row>
    <row r="508" spans="1:8" ht="21.75" customHeight="1" x14ac:dyDescent="0.2">
      <c r="A508" s="49">
        <v>258</v>
      </c>
      <c r="B508" s="18" t="s">
        <v>1198</v>
      </c>
      <c r="C508" s="18" t="s">
        <v>1214</v>
      </c>
      <c r="D508" s="18" t="s">
        <v>1215</v>
      </c>
      <c r="E508" s="18" t="s">
        <v>1216</v>
      </c>
      <c r="F508" s="18" t="s">
        <v>1217</v>
      </c>
      <c r="G508" s="18" t="s">
        <v>1218</v>
      </c>
      <c r="H508" s="18" t="s">
        <v>4095</v>
      </c>
    </row>
    <row r="509" spans="1:8" ht="15" customHeight="1" x14ac:dyDescent="0.2">
      <c r="A509" s="49"/>
      <c r="B509" s="20"/>
      <c r="C509" s="20"/>
      <c r="D509" s="20"/>
      <c r="E509" s="20"/>
      <c r="F509" s="20"/>
      <c r="G509" s="21" t="s">
        <v>4096</v>
      </c>
      <c r="H509" s="20"/>
    </row>
    <row r="510" spans="1:8" ht="21.75" customHeight="1" x14ac:dyDescent="0.2">
      <c r="A510" s="49">
        <v>259</v>
      </c>
      <c r="B510" s="18" t="s">
        <v>1198</v>
      </c>
      <c r="C510" s="18" t="s">
        <v>1219</v>
      </c>
      <c r="D510" s="18" t="s">
        <v>1220</v>
      </c>
      <c r="E510" s="18" t="s">
        <v>1221</v>
      </c>
      <c r="F510" s="18" t="s">
        <v>1222</v>
      </c>
      <c r="G510" s="18" t="s">
        <v>1223</v>
      </c>
      <c r="H510" s="18" t="s">
        <v>4097</v>
      </c>
    </row>
    <row r="511" spans="1:8" ht="15" customHeight="1" x14ac:dyDescent="0.2">
      <c r="A511" s="49"/>
      <c r="B511" s="20"/>
      <c r="C511" s="20"/>
      <c r="D511" s="20"/>
      <c r="E511" s="20"/>
      <c r="F511" s="20"/>
      <c r="G511" s="21" t="s">
        <v>4097</v>
      </c>
      <c r="H511" s="20"/>
    </row>
    <row r="512" spans="1:8" ht="21.75" customHeight="1" x14ac:dyDescent="0.2">
      <c r="A512" s="49">
        <v>260</v>
      </c>
      <c r="B512" s="18" t="s">
        <v>1198</v>
      </c>
      <c r="C512" s="18" t="s">
        <v>1224</v>
      </c>
      <c r="D512" s="18" t="s">
        <v>1225</v>
      </c>
      <c r="E512" s="18" t="s">
        <v>1226</v>
      </c>
      <c r="F512" s="18" t="s">
        <v>1227</v>
      </c>
      <c r="G512" s="18" t="s">
        <v>1223</v>
      </c>
      <c r="H512" s="18" t="s">
        <v>4097</v>
      </c>
    </row>
    <row r="513" spans="1:8" ht="15" customHeight="1" x14ac:dyDescent="0.2">
      <c r="A513" s="49"/>
      <c r="B513" s="20"/>
      <c r="C513" s="20"/>
      <c r="D513" s="20"/>
      <c r="E513" s="20"/>
      <c r="F513" s="20"/>
      <c r="G513" s="21" t="s">
        <v>4097</v>
      </c>
      <c r="H513" s="20"/>
    </row>
    <row r="514" spans="1:8" ht="21.75" customHeight="1" x14ac:dyDescent="0.2">
      <c r="A514" s="49">
        <v>261</v>
      </c>
      <c r="B514" s="18" t="s">
        <v>1198</v>
      </c>
      <c r="C514" s="18" t="s">
        <v>1228</v>
      </c>
      <c r="D514" s="18" t="s">
        <v>1205</v>
      </c>
      <c r="E514" s="18" t="s">
        <v>1229</v>
      </c>
      <c r="F514" s="18" t="s">
        <v>1230</v>
      </c>
      <c r="G514" s="18" t="s">
        <v>1231</v>
      </c>
      <c r="H514" s="18" t="s">
        <v>4098</v>
      </c>
    </row>
    <row r="515" spans="1:8" ht="15" customHeight="1" x14ac:dyDescent="0.2">
      <c r="A515" s="49"/>
      <c r="B515" s="20"/>
      <c r="C515" s="20"/>
      <c r="D515" s="20"/>
      <c r="E515" s="20"/>
      <c r="F515" s="20"/>
      <c r="G515" s="21" t="s">
        <v>4098</v>
      </c>
      <c r="H515" s="20"/>
    </row>
    <row r="516" spans="1:8" ht="21.75" customHeight="1" x14ac:dyDescent="0.2">
      <c r="A516" s="49">
        <v>262</v>
      </c>
      <c r="B516" s="18" t="s">
        <v>1198</v>
      </c>
      <c r="C516" s="18" t="s">
        <v>1232</v>
      </c>
      <c r="D516" s="18" t="s">
        <v>1205</v>
      </c>
      <c r="E516" s="18" t="s">
        <v>1233</v>
      </c>
      <c r="F516" s="18" t="s">
        <v>1234</v>
      </c>
      <c r="G516" s="18" t="s">
        <v>1235</v>
      </c>
      <c r="H516" s="18" t="s">
        <v>4782</v>
      </c>
    </row>
    <row r="517" spans="1:8" ht="15" customHeight="1" x14ac:dyDescent="0.2">
      <c r="A517" s="49"/>
      <c r="B517" s="20"/>
      <c r="C517" s="20"/>
      <c r="D517" s="20"/>
      <c r="E517" s="20"/>
      <c r="F517" s="20"/>
      <c r="G517" s="21" t="s">
        <v>4783</v>
      </c>
      <c r="H517" s="20"/>
    </row>
    <row r="518" spans="1:8" ht="21.75" customHeight="1" x14ac:dyDescent="0.2">
      <c r="A518" s="49">
        <v>263</v>
      </c>
      <c r="B518" s="18" t="s">
        <v>1198</v>
      </c>
      <c r="C518" s="18" t="s">
        <v>1236</v>
      </c>
      <c r="D518" s="18" t="s">
        <v>1237</v>
      </c>
      <c r="E518" s="18" t="s">
        <v>1238</v>
      </c>
      <c r="F518" s="18" t="s">
        <v>1239</v>
      </c>
      <c r="G518" s="18" t="s">
        <v>1240</v>
      </c>
      <c r="H518" s="18" t="s">
        <v>4099</v>
      </c>
    </row>
    <row r="519" spans="1:8" ht="15" customHeight="1" x14ac:dyDescent="0.2">
      <c r="A519" s="49"/>
      <c r="B519" s="20"/>
      <c r="C519" s="20"/>
      <c r="D519" s="20"/>
      <c r="E519" s="20"/>
      <c r="F519" s="20"/>
      <c r="G519" s="21" t="s">
        <v>4100</v>
      </c>
      <c r="H519" s="20"/>
    </row>
    <row r="520" spans="1:8" ht="21.75" customHeight="1" x14ac:dyDescent="0.2">
      <c r="A520" s="49">
        <v>264</v>
      </c>
      <c r="B520" s="18" t="s">
        <v>1198</v>
      </c>
      <c r="C520" s="18" t="s">
        <v>1241</v>
      </c>
      <c r="D520" s="18" t="s">
        <v>1242</v>
      </c>
      <c r="E520" s="18" t="s">
        <v>1243</v>
      </c>
      <c r="F520" s="18" t="s">
        <v>1244</v>
      </c>
      <c r="G520" s="18" t="s">
        <v>1245</v>
      </c>
      <c r="H520" s="18" t="s">
        <v>4101</v>
      </c>
    </row>
    <row r="521" spans="1:8" ht="15" customHeight="1" x14ac:dyDescent="0.2">
      <c r="A521" s="49"/>
      <c r="B521" s="20"/>
      <c r="C521" s="20"/>
      <c r="D521" s="20"/>
      <c r="E521" s="20"/>
      <c r="F521" s="20"/>
      <c r="G521" s="21" t="s">
        <v>4102</v>
      </c>
      <c r="H521" s="20"/>
    </row>
    <row r="522" spans="1:8" ht="21.75" customHeight="1" x14ac:dyDescent="0.2">
      <c r="A522" s="49">
        <v>265</v>
      </c>
      <c r="B522" s="18" t="s">
        <v>1198</v>
      </c>
      <c r="C522" s="18" t="s">
        <v>1246</v>
      </c>
      <c r="D522" s="18" t="s">
        <v>1247</v>
      </c>
      <c r="E522" s="18" t="s">
        <v>1248</v>
      </c>
      <c r="F522" s="18" t="s">
        <v>1249</v>
      </c>
      <c r="G522" s="18" t="s">
        <v>1250</v>
      </c>
      <c r="H522" s="18" t="s">
        <v>4103</v>
      </c>
    </row>
    <row r="523" spans="1:8" ht="15" customHeight="1" x14ac:dyDescent="0.2">
      <c r="A523" s="49"/>
      <c r="B523" s="20"/>
      <c r="C523" s="20"/>
      <c r="D523" s="20"/>
      <c r="E523" s="20"/>
      <c r="F523" s="20"/>
      <c r="G523" s="21" t="s">
        <v>4104</v>
      </c>
      <c r="H523" s="20"/>
    </row>
    <row r="524" spans="1:8" ht="21.75" customHeight="1" x14ac:dyDescent="0.2">
      <c r="A524" s="49">
        <v>266</v>
      </c>
      <c r="B524" s="18" t="s">
        <v>1198</v>
      </c>
      <c r="C524" s="18" t="s">
        <v>1251</v>
      </c>
      <c r="D524" s="18" t="s">
        <v>1252</v>
      </c>
      <c r="E524" s="18" t="s">
        <v>1253</v>
      </c>
      <c r="F524" s="18" t="s">
        <v>1254</v>
      </c>
      <c r="G524" s="18" t="s">
        <v>1255</v>
      </c>
      <c r="H524" s="18" t="s">
        <v>4105</v>
      </c>
    </row>
    <row r="525" spans="1:8" ht="15" customHeight="1" x14ac:dyDescent="0.2">
      <c r="A525" s="49"/>
      <c r="B525" s="20"/>
      <c r="C525" s="20"/>
      <c r="D525" s="20"/>
      <c r="E525" s="20"/>
      <c r="F525" s="20"/>
      <c r="G525" s="21" t="s">
        <v>4106</v>
      </c>
      <c r="H525" s="20"/>
    </row>
    <row r="526" spans="1:8" ht="21.75" customHeight="1" x14ac:dyDescent="0.2">
      <c r="A526" s="49">
        <v>267</v>
      </c>
      <c r="B526" s="18" t="s">
        <v>1256</v>
      </c>
      <c r="C526" s="18" t="s">
        <v>3727</v>
      </c>
      <c r="D526" s="18" t="s">
        <v>1257</v>
      </c>
      <c r="E526" s="18" t="s">
        <v>1258</v>
      </c>
      <c r="F526" s="18" t="s">
        <v>1259</v>
      </c>
      <c r="G526" s="18" t="s">
        <v>1260</v>
      </c>
      <c r="H526" s="21" t="s">
        <v>1261</v>
      </c>
    </row>
    <row r="527" spans="1:8" ht="15" customHeight="1" x14ac:dyDescent="0.2">
      <c r="A527" s="49"/>
      <c r="B527" s="20"/>
      <c r="C527" s="20"/>
      <c r="D527" s="20"/>
      <c r="E527" s="20"/>
      <c r="F527" s="20"/>
      <c r="G527" s="21" t="s">
        <v>1261</v>
      </c>
      <c r="H527" s="20"/>
    </row>
    <row r="528" spans="1:8" ht="21.75" customHeight="1" x14ac:dyDescent="0.2">
      <c r="A528" s="49">
        <v>268</v>
      </c>
      <c r="B528" s="18" t="s">
        <v>1256</v>
      </c>
      <c r="C528" s="18" t="s">
        <v>1262</v>
      </c>
      <c r="D528" s="18" t="s">
        <v>1263</v>
      </c>
      <c r="E528" s="18" t="s">
        <v>1264</v>
      </c>
      <c r="F528" s="18" t="s">
        <v>1265</v>
      </c>
      <c r="G528" s="18" t="s">
        <v>1056</v>
      </c>
      <c r="H528" s="18" t="s">
        <v>4107</v>
      </c>
    </row>
    <row r="529" spans="1:8" ht="15" customHeight="1" x14ac:dyDescent="0.2">
      <c r="A529" s="49"/>
      <c r="B529" s="20"/>
      <c r="C529" s="20"/>
      <c r="D529" s="20"/>
      <c r="E529" s="20"/>
      <c r="F529" s="20"/>
      <c r="G529" s="21" t="s">
        <v>4054</v>
      </c>
      <c r="H529" s="20"/>
    </row>
    <row r="530" spans="1:8" ht="21.75" customHeight="1" x14ac:dyDescent="0.2">
      <c r="A530" s="49">
        <v>269</v>
      </c>
      <c r="B530" s="18" t="s">
        <v>1256</v>
      </c>
      <c r="C530" s="18" t="s">
        <v>1266</v>
      </c>
      <c r="D530" s="18" t="s">
        <v>1267</v>
      </c>
      <c r="E530" s="18" t="s">
        <v>1268</v>
      </c>
      <c r="F530" s="18" t="s">
        <v>1269</v>
      </c>
      <c r="G530" s="18" t="s">
        <v>1270</v>
      </c>
      <c r="H530" s="18" t="s">
        <v>4108</v>
      </c>
    </row>
    <row r="531" spans="1:8" ht="15" customHeight="1" x14ac:dyDescent="0.2">
      <c r="A531" s="49"/>
      <c r="B531" s="20"/>
      <c r="C531" s="20"/>
      <c r="D531" s="20"/>
      <c r="E531" s="20"/>
      <c r="F531" s="20"/>
      <c r="G531" s="21" t="s">
        <v>4108</v>
      </c>
      <c r="H531" s="20"/>
    </row>
    <row r="532" spans="1:8" ht="21.75" customHeight="1" x14ac:dyDescent="0.2">
      <c r="A532" s="49">
        <v>270</v>
      </c>
      <c r="B532" s="18" t="s">
        <v>1256</v>
      </c>
      <c r="C532" s="18" t="s">
        <v>1271</v>
      </c>
      <c r="D532" s="18" t="s">
        <v>1272</v>
      </c>
      <c r="E532" s="18" t="s">
        <v>1273</v>
      </c>
      <c r="F532" s="18" t="s">
        <v>1274</v>
      </c>
      <c r="G532" s="18" t="s">
        <v>1275</v>
      </c>
      <c r="H532" s="18" t="s">
        <v>4109</v>
      </c>
    </row>
    <row r="533" spans="1:8" ht="15" customHeight="1" x14ac:dyDescent="0.2">
      <c r="A533" s="49"/>
      <c r="B533" s="20"/>
      <c r="C533" s="20"/>
      <c r="D533" s="20"/>
      <c r="E533" s="20"/>
      <c r="F533" s="20"/>
      <c r="G533" s="21" t="s">
        <v>4110</v>
      </c>
      <c r="H533" s="20"/>
    </row>
    <row r="534" spans="1:8" ht="21.75" customHeight="1" x14ac:dyDescent="0.2">
      <c r="A534" s="49">
        <v>271</v>
      </c>
      <c r="B534" s="18" t="s">
        <v>1256</v>
      </c>
      <c r="C534" s="18" t="s">
        <v>1276</v>
      </c>
      <c r="D534" s="18" t="s">
        <v>1277</v>
      </c>
      <c r="E534" s="18" t="s">
        <v>1278</v>
      </c>
      <c r="F534" s="18" t="s">
        <v>1279</v>
      </c>
      <c r="G534" s="18" t="s">
        <v>1280</v>
      </c>
      <c r="H534" s="18" t="s">
        <v>4111</v>
      </c>
    </row>
    <row r="535" spans="1:8" ht="15" customHeight="1" x14ac:dyDescent="0.2">
      <c r="A535" s="49"/>
      <c r="B535" s="20"/>
      <c r="C535" s="20"/>
      <c r="D535" s="20"/>
      <c r="E535" s="20"/>
      <c r="F535" s="20"/>
      <c r="G535" s="21" t="s">
        <v>4112</v>
      </c>
      <c r="H535" s="20"/>
    </row>
    <row r="536" spans="1:8" ht="21.75" customHeight="1" x14ac:dyDescent="0.2">
      <c r="A536" s="49">
        <v>272</v>
      </c>
      <c r="B536" s="18" t="s">
        <v>1256</v>
      </c>
      <c r="C536" s="18" t="s">
        <v>1281</v>
      </c>
      <c r="D536" s="18" t="s">
        <v>1282</v>
      </c>
      <c r="E536" s="18" t="s">
        <v>1283</v>
      </c>
      <c r="F536" s="18" t="s">
        <v>1284</v>
      </c>
      <c r="G536" s="18" t="s">
        <v>1285</v>
      </c>
      <c r="H536" s="18" t="s">
        <v>4784</v>
      </c>
    </row>
    <row r="537" spans="1:8" ht="15" customHeight="1" x14ac:dyDescent="0.2">
      <c r="A537" s="49"/>
      <c r="B537" s="20"/>
      <c r="C537" s="20"/>
      <c r="D537" s="20"/>
      <c r="E537" s="20"/>
      <c r="F537" s="20"/>
      <c r="G537" s="21" t="s">
        <v>4113</v>
      </c>
      <c r="H537" s="20"/>
    </row>
    <row r="538" spans="1:8" ht="21.75" customHeight="1" x14ac:dyDescent="0.2">
      <c r="A538" s="49">
        <v>273</v>
      </c>
      <c r="B538" s="18" t="s">
        <v>1256</v>
      </c>
      <c r="C538" s="18" t="s">
        <v>1286</v>
      </c>
      <c r="D538" s="18" t="s">
        <v>1287</v>
      </c>
      <c r="E538" s="18" t="s">
        <v>1288</v>
      </c>
      <c r="F538" s="18" t="s">
        <v>1289</v>
      </c>
      <c r="G538" s="18" t="s">
        <v>1290</v>
      </c>
      <c r="H538" s="18" t="s">
        <v>4114</v>
      </c>
    </row>
    <row r="539" spans="1:8" ht="15" customHeight="1" x14ac:dyDescent="0.2">
      <c r="A539" s="49"/>
      <c r="B539" s="20"/>
      <c r="C539" s="20"/>
      <c r="D539" s="20"/>
      <c r="E539" s="20"/>
      <c r="F539" s="20"/>
      <c r="G539" s="21" t="s">
        <v>4115</v>
      </c>
      <c r="H539" s="20"/>
    </row>
    <row r="540" spans="1:8" ht="21.75" customHeight="1" x14ac:dyDescent="0.2">
      <c r="A540" s="49">
        <v>274</v>
      </c>
      <c r="B540" s="18" t="s">
        <v>1256</v>
      </c>
      <c r="C540" s="18" t="s">
        <v>1291</v>
      </c>
      <c r="D540" s="18" t="s">
        <v>1267</v>
      </c>
      <c r="E540" s="18" t="s">
        <v>1292</v>
      </c>
      <c r="F540" s="18" t="s">
        <v>1293</v>
      </c>
      <c r="G540" s="18" t="s">
        <v>1294</v>
      </c>
      <c r="H540" s="18" t="s">
        <v>4116</v>
      </c>
    </row>
    <row r="541" spans="1:8" ht="15" customHeight="1" x14ac:dyDescent="0.2">
      <c r="A541" s="49"/>
      <c r="B541" s="20"/>
      <c r="C541" s="20"/>
      <c r="D541" s="20"/>
      <c r="E541" s="20"/>
      <c r="F541" s="20"/>
      <c r="G541" s="21" t="s">
        <v>4117</v>
      </c>
      <c r="H541" s="20"/>
    </row>
    <row r="542" spans="1:8" ht="21.75" customHeight="1" x14ac:dyDescent="0.2">
      <c r="A542" s="49">
        <v>275</v>
      </c>
      <c r="B542" s="18" t="s">
        <v>1256</v>
      </c>
      <c r="C542" s="18" t="s">
        <v>1295</v>
      </c>
      <c r="D542" s="18" t="s">
        <v>1296</v>
      </c>
      <c r="E542" s="18" t="s">
        <v>1297</v>
      </c>
      <c r="F542" s="18" t="s">
        <v>1298</v>
      </c>
      <c r="G542" s="18" t="s">
        <v>1299</v>
      </c>
      <c r="H542" s="18" t="s">
        <v>4118</v>
      </c>
    </row>
    <row r="543" spans="1:8" ht="15" customHeight="1" x14ac:dyDescent="0.2">
      <c r="A543" s="49"/>
      <c r="B543" s="20"/>
      <c r="C543" s="20"/>
      <c r="D543" s="20"/>
      <c r="E543" s="20"/>
      <c r="F543" s="20"/>
      <c r="G543" s="21" t="s">
        <v>4119</v>
      </c>
      <c r="H543" s="20"/>
    </row>
    <row r="544" spans="1:8" ht="21.75" customHeight="1" x14ac:dyDescent="0.2">
      <c r="A544" s="49">
        <v>276</v>
      </c>
      <c r="B544" s="18" t="s">
        <v>1256</v>
      </c>
      <c r="C544" s="18" t="s">
        <v>1300</v>
      </c>
      <c r="D544" s="18" t="s">
        <v>1301</v>
      </c>
      <c r="E544" s="18" t="s">
        <v>1302</v>
      </c>
      <c r="F544" s="18" t="s">
        <v>1303</v>
      </c>
      <c r="G544" s="18" t="s">
        <v>1304</v>
      </c>
      <c r="H544" s="18" t="s">
        <v>4120</v>
      </c>
    </row>
    <row r="545" spans="1:8" ht="15" customHeight="1" x14ac:dyDescent="0.2">
      <c r="A545" s="49"/>
      <c r="B545" s="20"/>
      <c r="C545" s="20"/>
      <c r="D545" s="20"/>
      <c r="E545" s="20"/>
      <c r="F545" s="20"/>
      <c r="G545" s="21" t="s">
        <v>4121</v>
      </c>
      <c r="H545" s="20"/>
    </row>
    <row r="546" spans="1:8" ht="21.75" customHeight="1" x14ac:dyDescent="0.2">
      <c r="A546" s="49">
        <v>277</v>
      </c>
      <c r="B546" s="18" t="s">
        <v>1305</v>
      </c>
      <c r="C546" s="18" t="s">
        <v>1306</v>
      </c>
      <c r="D546" s="18" t="s">
        <v>1307</v>
      </c>
      <c r="E546" s="18" t="s">
        <v>1308</v>
      </c>
      <c r="F546" s="18" t="s">
        <v>1309</v>
      </c>
      <c r="G546" s="18" t="s">
        <v>1310</v>
      </c>
      <c r="H546" s="18" t="s">
        <v>4785</v>
      </c>
    </row>
    <row r="547" spans="1:8" ht="15" customHeight="1" x14ac:dyDescent="0.2">
      <c r="A547" s="49"/>
      <c r="B547" s="20"/>
      <c r="C547" s="20"/>
      <c r="D547" s="20"/>
      <c r="E547" s="20"/>
      <c r="F547" s="20"/>
      <c r="G547" s="21" t="s">
        <v>4122</v>
      </c>
      <c r="H547" s="20"/>
    </row>
    <row r="548" spans="1:8" ht="21.75" customHeight="1" x14ac:dyDescent="0.2">
      <c r="A548" s="49">
        <v>278</v>
      </c>
      <c r="B548" s="18" t="s">
        <v>1305</v>
      </c>
      <c r="C548" s="18" t="s">
        <v>1311</v>
      </c>
      <c r="D548" s="18" t="s">
        <v>1312</v>
      </c>
      <c r="E548" s="18" t="s">
        <v>1313</v>
      </c>
      <c r="F548" s="18" t="s">
        <v>1314</v>
      </c>
      <c r="G548" s="18" t="s">
        <v>1315</v>
      </c>
      <c r="H548" s="18" t="s">
        <v>4123</v>
      </c>
    </row>
    <row r="549" spans="1:8" ht="15" customHeight="1" x14ac:dyDescent="0.2">
      <c r="A549" s="49"/>
      <c r="B549" s="20"/>
      <c r="C549" s="20"/>
      <c r="D549" s="20"/>
      <c r="E549" s="20"/>
      <c r="F549" s="20"/>
      <c r="G549" s="21" t="s">
        <v>4123</v>
      </c>
      <c r="H549" s="20"/>
    </row>
    <row r="550" spans="1:8" ht="21.75" customHeight="1" x14ac:dyDescent="0.2">
      <c r="A550" s="49">
        <v>279</v>
      </c>
      <c r="B550" s="18" t="s">
        <v>1305</v>
      </c>
      <c r="C550" s="18" t="s">
        <v>1316</v>
      </c>
      <c r="D550" s="18" t="s">
        <v>1317</v>
      </c>
      <c r="E550" s="18" t="s">
        <v>1318</v>
      </c>
      <c r="F550" s="18" t="s">
        <v>1319</v>
      </c>
      <c r="G550" s="18" t="s">
        <v>1320</v>
      </c>
      <c r="H550" s="18" t="s">
        <v>4124</v>
      </c>
    </row>
    <row r="551" spans="1:8" ht="15" customHeight="1" x14ac:dyDescent="0.2">
      <c r="A551" s="49"/>
      <c r="B551" s="20"/>
      <c r="C551" s="20"/>
      <c r="D551" s="20"/>
      <c r="E551" s="20"/>
      <c r="F551" s="20"/>
      <c r="G551" s="21" t="s">
        <v>4124</v>
      </c>
      <c r="H551" s="20"/>
    </row>
    <row r="552" spans="1:8" ht="21.75" customHeight="1" x14ac:dyDescent="0.2">
      <c r="A552" s="49">
        <v>280</v>
      </c>
      <c r="B552" s="18" t="s">
        <v>1305</v>
      </c>
      <c r="C552" s="18" t="s">
        <v>1321</v>
      </c>
      <c r="D552" s="18" t="s">
        <v>1322</v>
      </c>
      <c r="E552" s="18" t="s">
        <v>1323</v>
      </c>
      <c r="F552" s="18" t="s">
        <v>1324</v>
      </c>
      <c r="G552" s="18" t="s">
        <v>1325</v>
      </c>
      <c r="H552" s="18" t="s">
        <v>4125</v>
      </c>
    </row>
    <row r="553" spans="1:8" ht="15" customHeight="1" x14ac:dyDescent="0.2">
      <c r="A553" s="49"/>
      <c r="B553" s="20"/>
      <c r="C553" s="20"/>
      <c r="D553" s="20"/>
      <c r="E553" s="20"/>
      <c r="F553" s="20"/>
      <c r="G553" s="20" t="s">
        <v>4126</v>
      </c>
      <c r="H553" s="20"/>
    </row>
    <row r="554" spans="1:8" ht="21.75" customHeight="1" x14ac:dyDescent="0.2">
      <c r="A554" s="49">
        <v>281</v>
      </c>
      <c r="B554" s="18" t="s">
        <v>1305</v>
      </c>
      <c r="C554" s="18" t="s">
        <v>1326</v>
      </c>
      <c r="D554" s="18" t="s">
        <v>1317</v>
      </c>
      <c r="E554" s="18" t="s">
        <v>1327</v>
      </c>
      <c r="F554" s="18" t="s">
        <v>1328</v>
      </c>
      <c r="G554" s="18" t="s">
        <v>1329</v>
      </c>
      <c r="H554" s="18" t="s">
        <v>4127</v>
      </c>
    </row>
    <row r="555" spans="1:8" ht="15" customHeight="1" x14ac:dyDescent="0.2">
      <c r="A555" s="49"/>
      <c r="B555" s="20"/>
      <c r="C555" s="20"/>
      <c r="D555" s="20"/>
      <c r="E555" s="20"/>
      <c r="F555" s="20"/>
      <c r="G555" s="21" t="s">
        <v>4127</v>
      </c>
      <c r="H555" s="20"/>
    </row>
    <row r="556" spans="1:8" ht="21.6" customHeight="1" x14ac:dyDescent="0.2">
      <c r="A556" s="49">
        <v>282</v>
      </c>
      <c r="B556" s="18" t="s">
        <v>1305</v>
      </c>
      <c r="C556" s="18" t="s">
        <v>1330</v>
      </c>
      <c r="D556" s="18" t="s">
        <v>1331</v>
      </c>
      <c r="E556" s="18" t="s">
        <v>1332</v>
      </c>
      <c r="F556" s="18" t="s">
        <v>1333</v>
      </c>
      <c r="G556" s="18" t="s">
        <v>1334</v>
      </c>
      <c r="H556" s="18" t="s">
        <v>4128</v>
      </c>
    </row>
    <row r="557" spans="1:8" ht="15" customHeight="1" x14ac:dyDescent="0.2">
      <c r="A557" s="49"/>
      <c r="B557" s="20"/>
      <c r="C557" s="20"/>
      <c r="D557" s="20"/>
      <c r="E557" s="20"/>
      <c r="F557" s="20"/>
      <c r="G557" s="21" t="s">
        <v>4129</v>
      </c>
      <c r="H557" s="20"/>
    </row>
    <row r="558" spans="1:8" ht="21.75" customHeight="1" x14ac:dyDescent="0.2">
      <c r="A558" s="49">
        <v>283</v>
      </c>
      <c r="B558" s="18" t="s">
        <v>1305</v>
      </c>
      <c r="C558" s="18" t="s">
        <v>1335</v>
      </c>
      <c r="D558" s="18" t="s">
        <v>1336</v>
      </c>
      <c r="E558" s="18" t="s">
        <v>1337</v>
      </c>
      <c r="F558" s="18" t="s">
        <v>1338</v>
      </c>
      <c r="G558" s="18" t="s">
        <v>1339</v>
      </c>
      <c r="H558" s="18" t="s">
        <v>4130</v>
      </c>
    </row>
    <row r="559" spans="1:8" ht="15" customHeight="1" x14ac:dyDescent="0.2">
      <c r="A559" s="49"/>
      <c r="B559" s="20"/>
      <c r="C559" s="20"/>
      <c r="D559" s="20"/>
      <c r="E559" s="20"/>
      <c r="F559" s="20"/>
      <c r="G559" s="21" t="s">
        <v>4131</v>
      </c>
      <c r="H559" s="20"/>
    </row>
    <row r="560" spans="1:8" ht="21.75" customHeight="1" x14ac:dyDescent="0.2">
      <c r="A560" s="49">
        <v>284</v>
      </c>
      <c r="B560" s="18" t="s">
        <v>1305</v>
      </c>
      <c r="C560" s="18" t="s">
        <v>1340</v>
      </c>
      <c r="D560" s="18" t="s">
        <v>1317</v>
      </c>
      <c r="E560" s="18" t="s">
        <v>1341</v>
      </c>
      <c r="F560" s="18" t="s">
        <v>1342</v>
      </c>
      <c r="G560" s="18" t="s">
        <v>1339</v>
      </c>
      <c r="H560" s="18" t="s">
        <v>4786</v>
      </c>
    </row>
    <row r="561" spans="1:8" ht="15" customHeight="1" x14ac:dyDescent="0.2">
      <c r="A561" s="49"/>
      <c r="B561" s="20"/>
      <c r="C561" s="20"/>
      <c r="D561" s="20"/>
      <c r="E561" s="20"/>
      <c r="F561" s="20"/>
      <c r="G561" s="21" t="s">
        <v>4131</v>
      </c>
      <c r="H561" s="20"/>
    </row>
    <row r="562" spans="1:8" ht="21.75" customHeight="1" x14ac:dyDescent="0.2">
      <c r="A562" s="49">
        <v>285</v>
      </c>
      <c r="B562" s="18" t="s">
        <v>1305</v>
      </c>
      <c r="C562" s="18" t="s">
        <v>1343</v>
      </c>
      <c r="D562" s="18" t="s">
        <v>1307</v>
      </c>
      <c r="E562" s="18" t="s">
        <v>1344</v>
      </c>
      <c r="F562" s="18" t="s">
        <v>1345</v>
      </c>
      <c r="G562" s="18" t="s">
        <v>1346</v>
      </c>
      <c r="H562" s="18" t="s">
        <v>4132</v>
      </c>
    </row>
    <row r="563" spans="1:8" ht="15" customHeight="1" x14ac:dyDescent="0.2">
      <c r="A563" s="49"/>
      <c r="B563" s="20"/>
      <c r="C563" s="20"/>
      <c r="D563" s="20"/>
      <c r="E563" s="20"/>
      <c r="F563" s="20"/>
      <c r="G563" s="21" t="s">
        <v>4133</v>
      </c>
      <c r="H563" s="20"/>
    </row>
    <row r="564" spans="1:8" ht="21.75" customHeight="1" x14ac:dyDescent="0.2">
      <c r="A564" s="49">
        <v>286</v>
      </c>
      <c r="B564" s="18" t="s">
        <v>1305</v>
      </c>
      <c r="C564" s="18" t="s">
        <v>1347</v>
      </c>
      <c r="D564" s="18" t="s">
        <v>1348</v>
      </c>
      <c r="E564" s="18" t="s">
        <v>1349</v>
      </c>
      <c r="F564" s="18" t="s">
        <v>1350</v>
      </c>
      <c r="G564" s="18" t="s">
        <v>702</v>
      </c>
      <c r="H564" s="18" t="s">
        <v>3949</v>
      </c>
    </row>
    <row r="565" spans="1:8" ht="15" customHeight="1" x14ac:dyDescent="0.2">
      <c r="A565" s="49"/>
      <c r="B565" s="20"/>
      <c r="C565" s="20"/>
      <c r="D565" s="20"/>
      <c r="E565" s="20"/>
      <c r="F565" s="20"/>
      <c r="G565" s="21" t="s">
        <v>3949</v>
      </c>
      <c r="H565" s="20"/>
    </row>
    <row r="566" spans="1:8" ht="21.75" customHeight="1" x14ac:dyDescent="0.2">
      <c r="A566" s="49">
        <v>287</v>
      </c>
      <c r="B566" s="18" t="s">
        <v>1305</v>
      </c>
      <c r="C566" s="18" t="s">
        <v>1351</v>
      </c>
      <c r="D566" s="18" t="s">
        <v>1352</v>
      </c>
      <c r="E566" s="18" t="s">
        <v>1353</v>
      </c>
      <c r="F566" s="18" t="s">
        <v>1354</v>
      </c>
      <c r="G566" s="18" t="s">
        <v>1355</v>
      </c>
      <c r="H566" s="18" t="s">
        <v>1356</v>
      </c>
    </row>
    <row r="567" spans="1:8" ht="15" customHeight="1" x14ac:dyDescent="0.2">
      <c r="A567" s="49"/>
      <c r="B567" s="20"/>
      <c r="C567" s="20"/>
      <c r="D567" s="20"/>
      <c r="E567" s="20"/>
      <c r="F567" s="20"/>
      <c r="G567" s="21" t="s">
        <v>1357</v>
      </c>
      <c r="H567" s="20"/>
    </row>
    <row r="568" spans="1:8" ht="21.75" customHeight="1" x14ac:dyDescent="0.2">
      <c r="A568" s="49">
        <v>288</v>
      </c>
      <c r="B568" s="18" t="s">
        <v>1305</v>
      </c>
      <c r="C568" s="18" t="s">
        <v>1358</v>
      </c>
      <c r="D568" s="18" t="s">
        <v>1331</v>
      </c>
      <c r="E568" s="18" t="s">
        <v>1359</v>
      </c>
      <c r="F568" s="18" t="s">
        <v>1360</v>
      </c>
      <c r="G568" s="18" t="s">
        <v>1361</v>
      </c>
      <c r="H568" s="18" t="s">
        <v>4134</v>
      </c>
    </row>
    <row r="569" spans="1:8" ht="15" customHeight="1" x14ac:dyDescent="0.2">
      <c r="A569" s="49"/>
      <c r="B569" s="20"/>
      <c r="C569" s="20"/>
      <c r="D569" s="20"/>
      <c r="E569" s="20"/>
      <c r="F569" s="20"/>
      <c r="G569" s="21" t="s">
        <v>4134</v>
      </c>
      <c r="H569" s="20"/>
    </row>
    <row r="570" spans="1:8" ht="21.75" customHeight="1" x14ac:dyDescent="0.2">
      <c r="A570" s="49">
        <v>289</v>
      </c>
      <c r="B570" s="18" t="s">
        <v>1362</v>
      </c>
      <c r="C570" s="18" t="s">
        <v>1363</v>
      </c>
      <c r="D570" s="18" t="s">
        <v>1364</v>
      </c>
      <c r="E570" s="18" t="s">
        <v>1365</v>
      </c>
      <c r="F570" s="18" t="s">
        <v>1366</v>
      </c>
      <c r="G570" s="18" t="s">
        <v>1367</v>
      </c>
      <c r="H570" s="18" t="s">
        <v>4135</v>
      </c>
    </row>
    <row r="571" spans="1:8" ht="15" customHeight="1" x14ac:dyDescent="0.2">
      <c r="A571" s="49"/>
      <c r="B571" s="20"/>
      <c r="C571" s="20"/>
      <c r="D571" s="20"/>
      <c r="E571" s="20"/>
      <c r="F571" s="20"/>
      <c r="G571" s="21" t="s">
        <v>4135</v>
      </c>
      <c r="H571" s="20"/>
    </row>
    <row r="572" spans="1:8" ht="21.75" customHeight="1" x14ac:dyDescent="0.2">
      <c r="A572" s="49">
        <v>290</v>
      </c>
      <c r="B572" s="18" t="s">
        <v>1362</v>
      </c>
      <c r="C572" s="18" t="s">
        <v>1368</v>
      </c>
      <c r="D572" s="18" t="s">
        <v>1369</v>
      </c>
      <c r="E572" s="18" t="s">
        <v>1370</v>
      </c>
      <c r="F572" s="18" t="s">
        <v>1371</v>
      </c>
      <c r="G572" s="18" t="s">
        <v>1372</v>
      </c>
      <c r="H572" s="23" t="s">
        <v>3238</v>
      </c>
    </row>
    <row r="573" spans="1:8" ht="15" customHeight="1" x14ac:dyDescent="0.2">
      <c r="A573" s="49"/>
      <c r="B573" s="20"/>
      <c r="C573" s="20"/>
      <c r="D573" s="20"/>
      <c r="E573" s="20"/>
      <c r="F573" s="20"/>
      <c r="G573" s="21" t="s">
        <v>4136</v>
      </c>
      <c r="H573" s="20"/>
    </row>
    <row r="574" spans="1:8" ht="21.75" customHeight="1" x14ac:dyDescent="0.2">
      <c r="A574" s="49">
        <v>291</v>
      </c>
      <c r="B574" s="18" t="s">
        <v>1362</v>
      </c>
      <c r="C574" s="18" t="s">
        <v>1373</v>
      </c>
      <c r="D574" s="18" t="s">
        <v>1374</v>
      </c>
      <c r="E574" s="18" t="s">
        <v>1375</v>
      </c>
      <c r="F574" s="18" t="s">
        <v>1376</v>
      </c>
      <c r="G574" s="18" t="s">
        <v>1377</v>
      </c>
      <c r="H574" s="27" t="s">
        <v>3239</v>
      </c>
    </row>
    <row r="575" spans="1:8" ht="15" customHeight="1" x14ac:dyDescent="0.2">
      <c r="A575" s="49"/>
      <c r="B575" s="20"/>
      <c r="C575" s="20"/>
      <c r="D575" s="20"/>
      <c r="E575" s="20"/>
      <c r="F575" s="20"/>
      <c r="G575" s="21" t="s">
        <v>3239</v>
      </c>
      <c r="H575" s="20"/>
    </row>
    <row r="576" spans="1:8" ht="21.75" customHeight="1" x14ac:dyDescent="0.2">
      <c r="A576" s="49">
        <v>293</v>
      </c>
      <c r="B576" s="18" t="s">
        <v>1362</v>
      </c>
      <c r="C576" s="18" t="s">
        <v>1378</v>
      </c>
      <c r="D576" s="18" t="s">
        <v>1379</v>
      </c>
      <c r="E576" s="18" t="s">
        <v>1380</v>
      </c>
      <c r="F576" s="18" t="s">
        <v>1381</v>
      </c>
      <c r="G576" s="18" t="s">
        <v>1382</v>
      </c>
      <c r="H576" s="18" t="s">
        <v>4137</v>
      </c>
    </row>
    <row r="577" spans="1:8" ht="15" customHeight="1" x14ac:dyDescent="0.2">
      <c r="A577" s="49"/>
      <c r="B577" s="20"/>
      <c r="C577" s="20"/>
      <c r="D577" s="20"/>
      <c r="E577" s="20"/>
      <c r="F577" s="20"/>
      <c r="G577" s="21" t="s">
        <v>4137</v>
      </c>
      <c r="H577" s="20"/>
    </row>
    <row r="578" spans="1:8" ht="21.75" customHeight="1" x14ac:dyDescent="0.2">
      <c r="A578" s="49">
        <v>294</v>
      </c>
      <c r="B578" s="18" t="s">
        <v>1362</v>
      </c>
      <c r="C578" s="18" t="s">
        <v>1383</v>
      </c>
      <c r="D578" s="18" t="s">
        <v>1384</v>
      </c>
      <c r="E578" s="18" t="s">
        <v>1385</v>
      </c>
      <c r="F578" s="18" t="s">
        <v>1386</v>
      </c>
      <c r="G578" s="18" t="s">
        <v>1387</v>
      </c>
      <c r="H578" s="18" t="s">
        <v>4138</v>
      </c>
    </row>
    <row r="579" spans="1:8" ht="15" customHeight="1" x14ac:dyDescent="0.2">
      <c r="A579" s="49"/>
      <c r="B579" s="20"/>
      <c r="C579" s="20"/>
      <c r="D579" s="20"/>
      <c r="E579" s="20"/>
      <c r="F579" s="20"/>
      <c r="G579" s="21" t="s">
        <v>4139</v>
      </c>
      <c r="H579" s="20"/>
    </row>
    <row r="580" spans="1:8" ht="21.75" customHeight="1" x14ac:dyDescent="0.2">
      <c r="A580" s="49">
        <v>295</v>
      </c>
      <c r="B580" s="18" t="s">
        <v>1362</v>
      </c>
      <c r="C580" s="18" t="s">
        <v>1388</v>
      </c>
      <c r="D580" s="18" t="s">
        <v>1389</v>
      </c>
      <c r="E580" s="18" t="s">
        <v>1390</v>
      </c>
      <c r="F580" s="18" t="s">
        <v>1391</v>
      </c>
      <c r="G580" s="18" t="s">
        <v>1056</v>
      </c>
      <c r="H580" s="18" t="s">
        <v>4140</v>
      </c>
    </row>
    <row r="581" spans="1:8" ht="15" customHeight="1" x14ac:dyDescent="0.2">
      <c r="A581" s="49"/>
      <c r="B581" s="20"/>
      <c r="C581" s="20"/>
      <c r="D581" s="20"/>
      <c r="E581" s="20"/>
      <c r="F581" s="20"/>
      <c r="G581" s="21" t="s">
        <v>4054</v>
      </c>
      <c r="H581" s="20"/>
    </row>
    <row r="582" spans="1:8" ht="21.75" customHeight="1" x14ac:dyDescent="0.2">
      <c r="A582" s="49">
        <v>296</v>
      </c>
      <c r="B582" s="18" t="s">
        <v>1362</v>
      </c>
      <c r="C582" s="18" t="s">
        <v>1392</v>
      </c>
      <c r="D582" s="18" t="s">
        <v>1393</v>
      </c>
      <c r="E582" s="18" t="s">
        <v>1394</v>
      </c>
      <c r="F582" s="18" t="s">
        <v>1395</v>
      </c>
      <c r="G582" s="18" t="s">
        <v>1396</v>
      </c>
      <c r="H582" s="18" t="s">
        <v>4141</v>
      </c>
    </row>
    <row r="583" spans="1:8" ht="15" customHeight="1" x14ac:dyDescent="0.2">
      <c r="A583" s="49"/>
      <c r="B583" s="20"/>
      <c r="C583" s="20"/>
      <c r="D583" s="20"/>
      <c r="E583" s="20"/>
      <c r="F583" s="20"/>
      <c r="G583" s="21" t="s">
        <v>4142</v>
      </c>
      <c r="H583" s="20"/>
    </row>
    <row r="584" spans="1:8" ht="21.75" customHeight="1" x14ac:dyDescent="0.2">
      <c r="A584" s="49">
        <v>297</v>
      </c>
      <c r="B584" s="18" t="s">
        <v>1397</v>
      </c>
      <c r="C584" s="18" t="s">
        <v>1398</v>
      </c>
      <c r="D584" s="18" t="s">
        <v>1399</v>
      </c>
      <c r="E584" s="18" t="s">
        <v>1400</v>
      </c>
      <c r="F584" s="18" t="s">
        <v>1401</v>
      </c>
      <c r="G584" s="18" t="s">
        <v>1402</v>
      </c>
      <c r="H584" s="18" t="s">
        <v>4143</v>
      </c>
    </row>
    <row r="585" spans="1:8" ht="15" customHeight="1" x14ac:dyDescent="0.2">
      <c r="A585" s="49"/>
      <c r="B585" s="20"/>
      <c r="C585" s="20"/>
      <c r="D585" s="20"/>
      <c r="E585" s="20"/>
      <c r="F585" s="20"/>
      <c r="G585" s="21" t="s">
        <v>4144</v>
      </c>
      <c r="H585" s="20"/>
    </row>
    <row r="586" spans="1:8" ht="21.75" customHeight="1" x14ac:dyDescent="0.2">
      <c r="A586" s="49">
        <v>298</v>
      </c>
      <c r="B586" s="18" t="s">
        <v>1397</v>
      </c>
      <c r="C586" s="18" t="s">
        <v>1403</v>
      </c>
      <c r="D586" s="18" t="s">
        <v>1399</v>
      </c>
      <c r="E586" s="18" t="s">
        <v>1404</v>
      </c>
      <c r="F586" s="18" t="s">
        <v>1405</v>
      </c>
      <c r="G586" s="18" t="s">
        <v>1406</v>
      </c>
      <c r="H586" s="23" t="s">
        <v>3240</v>
      </c>
    </row>
    <row r="587" spans="1:8" ht="15" customHeight="1" x14ac:dyDescent="0.2">
      <c r="A587" s="49"/>
      <c r="B587" s="20"/>
      <c r="C587" s="20"/>
      <c r="D587" s="20"/>
      <c r="E587" s="20"/>
      <c r="F587" s="20"/>
      <c r="G587" s="21" t="s">
        <v>4145</v>
      </c>
      <c r="H587" s="20"/>
    </row>
    <row r="588" spans="1:8" ht="21.75" customHeight="1" x14ac:dyDescent="0.2">
      <c r="A588" s="49">
        <v>299</v>
      </c>
      <c r="B588" s="18" t="s">
        <v>1397</v>
      </c>
      <c r="C588" s="18" t="s">
        <v>1407</v>
      </c>
      <c r="D588" s="18" t="s">
        <v>1408</v>
      </c>
      <c r="E588" s="18" t="s">
        <v>1409</v>
      </c>
      <c r="F588" s="18" t="s">
        <v>1410</v>
      </c>
      <c r="G588" s="18" t="s">
        <v>1411</v>
      </c>
      <c r="H588" s="18" t="s">
        <v>4146</v>
      </c>
    </row>
    <row r="589" spans="1:8" ht="15" customHeight="1" x14ac:dyDescent="0.2">
      <c r="A589" s="49"/>
      <c r="B589" s="20"/>
      <c r="C589" s="20"/>
      <c r="D589" s="20"/>
      <c r="E589" s="20"/>
      <c r="F589" s="20"/>
      <c r="G589" s="21" t="s">
        <v>4147</v>
      </c>
      <c r="H589" s="20"/>
    </row>
    <row r="590" spans="1:8" ht="21.75" customHeight="1" x14ac:dyDescent="0.2">
      <c r="A590" s="49">
        <v>300</v>
      </c>
      <c r="B590" s="18" t="s">
        <v>1397</v>
      </c>
      <c r="C590" s="18" t="s">
        <v>1412</v>
      </c>
      <c r="D590" s="18" t="s">
        <v>1413</v>
      </c>
      <c r="E590" s="18" t="s">
        <v>1414</v>
      </c>
      <c r="F590" s="18" t="s">
        <v>1415</v>
      </c>
      <c r="G590" s="18" t="s">
        <v>1411</v>
      </c>
      <c r="H590" s="18" t="s">
        <v>4146</v>
      </c>
    </row>
    <row r="591" spans="1:8" ht="15" customHeight="1" x14ac:dyDescent="0.2">
      <c r="A591" s="49"/>
      <c r="B591" s="20"/>
      <c r="C591" s="20"/>
      <c r="D591" s="20"/>
      <c r="E591" s="20"/>
      <c r="F591" s="20"/>
      <c r="G591" s="21" t="s">
        <v>4147</v>
      </c>
      <c r="H591" s="20"/>
    </row>
    <row r="592" spans="1:8" ht="21.75" customHeight="1" x14ac:dyDescent="0.2">
      <c r="A592" s="49">
        <v>301</v>
      </c>
      <c r="B592" s="18" t="s">
        <v>1397</v>
      </c>
      <c r="C592" s="18" t="s">
        <v>1416</v>
      </c>
      <c r="D592" s="18" t="s">
        <v>1417</v>
      </c>
      <c r="E592" s="18" t="s">
        <v>1418</v>
      </c>
      <c r="F592" s="18" t="s">
        <v>1419</v>
      </c>
      <c r="G592" s="18" t="s">
        <v>1420</v>
      </c>
      <c r="H592" s="18" t="s">
        <v>4148</v>
      </c>
    </row>
    <row r="593" spans="1:8" ht="15" customHeight="1" x14ac:dyDescent="0.2">
      <c r="A593" s="49"/>
      <c r="B593" s="20"/>
      <c r="C593" s="20"/>
      <c r="D593" s="20"/>
      <c r="E593" s="20"/>
      <c r="F593" s="20"/>
      <c r="G593" s="21" t="s">
        <v>4145</v>
      </c>
      <c r="H593" s="20"/>
    </row>
    <row r="594" spans="1:8" ht="21.75" customHeight="1" x14ac:dyDescent="0.2">
      <c r="A594" s="49">
        <v>302</v>
      </c>
      <c r="B594" s="18" t="s">
        <v>1397</v>
      </c>
      <c r="C594" s="18" t="s">
        <v>1421</v>
      </c>
      <c r="D594" s="18" t="s">
        <v>1422</v>
      </c>
      <c r="E594" s="18" t="s">
        <v>1423</v>
      </c>
      <c r="F594" s="18" t="s">
        <v>1424</v>
      </c>
      <c r="G594" s="18" t="s">
        <v>1425</v>
      </c>
      <c r="H594" s="18" t="s">
        <v>4149</v>
      </c>
    </row>
    <row r="595" spans="1:8" ht="15" customHeight="1" x14ac:dyDescent="0.2">
      <c r="A595" s="49"/>
      <c r="B595" s="20"/>
      <c r="C595" s="20"/>
      <c r="D595" s="20"/>
      <c r="E595" s="20"/>
      <c r="F595" s="20"/>
      <c r="G595" s="21" t="s">
        <v>4150</v>
      </c>
      <c r="H595" s="20"/>
    </row>
    <row r="596" spans="1:8" ht="21.75" customHeight="1" x14ac:dyDescent="0.2">
      <c r="A596" s="49">
        <v>303</v>
      </c>
      <c r="B596" s="18" t="s">
        <v>1397</v>
      </c>
      <c r="C596" s="18" t="s">
        <v>1426</v>
      </c>
      <c r="D596" s="18" t="s">
        <v>1422</v>
      </c>
      <c r="E596" s="18" t="s">
        <v>1427</v>
      </c>
      <c r="F596" s="18" t="s">
        <v>1428</v>
      </c>
      <c r="G596" s="18" t="s">
        <v>1429</v>
      </c>
      <c r="H596" s="18" t="s">
        <v>4151</v>
      </c>
    </row>
    <row r="597" spans="1:8" ht="15" customHeight="1" x14ac:dyDescent="0.2">
      <c r="A597" s="49"/>
      <c r="B597" s="20"/>
      <c r="C597" s="20"/>
      <c r="D597" s="20"/>
      <c r="E597" s="20"/>
      <c r="F597" s="20"/>
      <c r="G597" s="21" t="s">
        <v>4152</v>
      </c>
      <c r="H597" s="20"/>
    </row>
    <row r="598" spans="1:8" ht="21.75" customHeight="1" x14ac:dyDescent="0.2">
      <c r="A598" s="49">
        <v>304</v>
      </c>
      <c r="B598" s="18" t="s">
        <v>1397</v>
      </c>
      <c r="C598" s="18" t="s">
        <v>1430</v>
      </c>
      <c r="D598" s="18" t="s">
        <v>1431</v>
      </c>
      <c r="E598" s="18" t="s">
        <v>1432</v>
      </c>
      <c r="F598" s="18" t="s">
        <v>1433</v>
      </c>
      <c r="G598" s="18" t="s">
        <v>1434</v>
      </c>
      <c r="H598" s="18" t="s">
        <v>4153</v>
      </c>
    </row>
    <row r="599" spans="1:8" ht="15" customHeight="1" x14ac:dyDescent="0.2">
      <c r="A599" s="49"/>
      <c r="B599" s="20"/>
      <c r="C599" s="20"/>
      <c r="D599" s="20"/>
      <c r="E599" s="20"/>
      <c r="F599" s="20"/>
      <c r="G599" s="21" t="s">
        <v>4153</v>
      </c>
      <c r="H599" s="20"/>
    </row>
    <row r="600" spans="1:8" ht="21.75" customHeight="1" x14ac:dyDescent="0.2">
      <c r="A600" s="49">
        <v>305</v>
      </c>
      <c r="B600" s="18" t="s">
        <v>1435</v>
      </c>
      <c r="C600" s="18" t="s">
        <v>1436</v>
      </c>
      <c r="D600" s="18" t="s">
        <v>1437</v>
      </c>
      <c r="E600" s="18" t="s">
        <v>1438</v>
      </c>
      <c r="F600" s="18" t="s">
        <v>1439</v>
      </c>
      <c r="G600" s="18" t="s">
        <v>1440</v>
      </c>
      <c r="H600" s="18" t="s">
        <v>4154</v>
      </c>
    </row>
    <row r="601" spans="1:8" ht="15" customHeight="1" x14ac:dyDescent="0.2">
      <c r="A601" s="49"/>
      <c r="B601" s="20"/>
      <c r="C601" s="20"/>
      <c r="D601" s="20"/>
      <c r="E601" s="20"/>
      <c r="F601" s="20"/>
      <c r="G601" s="20" t="s">
        <v>4155</v>
      </c>
      <c r="H601" s="20"/>
    </row>
    <row r="602" spans="1:8" ht="21.75" customHeight="1" x14ac:dyDescent="0.2">
      <c r="A602" s="49">
        <v>306</v>
      </c>
      <c r="B602" s="18" t="s">
        <v>1435</v>
      </c>
      <c r="C602" s="18" t="s">
        <v>1441</v>
      </c>
      <c r="D602" s="18" t="s">
        <v>1442</v>
      </c>
      <c r="E602" s="18" t="s">
        <v>1443</v>
      </c>
      <c r="F602" s="18" t="s">
        <v>1444</v>
      </c>
      <c r="G602" s="26" t="s">
        <v>1445</v>
      </c>
      <c r="H602" s="18" t="s">
        <v>4156</v>
      </c>
    </row>
    <row r="603" spans="1:8" ht="15" customHeight="1" x14ac:dyDescent="0.2">
      <c r="A603" s="49"/>
      <c r="B603" s="20"/>
      <c r="C603" s="20"/>
      <c r="D603" s="20"/>
      <c r="E603" s="20"/>
      <c r="F603" s="20"/>
      <c r="G603" s="21" t="s">
        <v>3745</v>
      </c>
      <c r="H603" s="20"/>
    </row>
    <row r="604" spans="1:8" ht="21.75" customHeight="1" x14ac:dyDescent="0.2">
      <c r="A604" s="49">
        <v>307</v>
      </c>
      <c r="B604" s="18" t="s">
        <v>1435</v>
      </c>
      <c r="C604" s="18" t="s">
        <v>1446</v>
      </c>
      <c r="D604" s="18" t="s">
        <v>1447</v>
      </c>
      <c r="E604" s="18" t="s">
        <v>1448</v>
      </c>
      <c r="F604" s="18" t="s">
        <v>1449</v>
      </c>
      <c r="G604" s="18" t="s">
        <v>1450</v>
      </c>
      <c r="H604" s="18" t="s">
        <v>4157</v>
      </c>
    </row>
    <row r="605" spans="1:8" ht="15" customHeight="1" x14ac:dyDescent="0.2">
      <c r="A605" s="49"/>
      <c r="B605" s="20"/>
      <c r="C605" s="20"/>
      <c r="D605" s="20"/>
      <c r="E605" s="20"/>
      <c r="F605" s="20"/>
      <c r="G605" s="21" t="s">
        <v>4158</v>
      </c>
      <c r="H605" s="20"/>
    </row>
    <row r="606" spans="1:8" ht="21.75" customHeight="1" x14ac:dyDescent="0.2">
      <c r="A606" s="49">
        <v>308</v>
      </c>
      <c r="B606" s="18" t="s">
        <v>1435</v>
      </c>
      <c r="C606" s="18" t="s">
        <v>1451</v>
      </c>
      <c r="D606" s="18" t="s">
        <v>1452</v>
      </c>
      <c r="E606" s="18" t="s">
        <v>1453</v>
      </c>
      <c r="F606" s="18" t="s">
        <v>1454</v>
      </c>
      <c r="G606" s="18" t="s">
        <v>1455</v>
      </c>
      <c r="H606" s="18" t="s">
        <v>4159</v>
      </c>
    </row>
    <row r="607" spans="1:8" ht="15" customHeight="1" x14ac:dyDescent="0.2">
      <c r="A607" s="49"/>
      <c r="B607" s="20"/>
      <c r="C607" s="20"/>
      <c r="D607" s="20"/>
      <c r="E607" s="20"/>
      <c r="F607" s="20"/>
      <c r="G607" s="21" t="s">
        <v>4159</v>
      </c>
      <c r="H607" s="20"/>
    </row>
    <row r="608" spans="1:8" ht="21.75" customHeight="1" x14ac:dyDescent="0.2">
      <c r="A608" s="49">
        <v>309</v>
      </c>
      <c r="B608" s="18" t="s">
        <v>1435</v>
      </c>
      <c r="C608" s="18" t="s">
        <v>1456</v>
      </c>
      <c r="D608" s="18" t="s">
        <v>1457</v>
      </c>
      <c r="E608" s="18" t="s">
        <v>1458</v>
      </c>
      <c r="F608" s="18" t="s">
        <v>1459</v>
      </c>
      <c r="G608" s="18" t="s">
        <v>1460</v>
      </c>
      <c r="H608" s="18" t="s">
        <v>4160</v>
      </c>
    </row>
    <row r="609" spans="1:8" ht="15" customHeight="1" x14ac:dyDescent="0.2">
      <c r="A609" s="49"/>
      <c r="B609" s="20"/>
      <c r="C609" s="20"/>
      <c r="D609" s="20"/>
      <c r="E609" s="20"/>
      <c r="F609" s="20"/>
      <c r="G609" s="21" t="s">
        <v>4161</v>
      </c>
      <c r="H609" s="20"/>
    </row>
    <row r="610" spans="1:8" ht="21.75" customHeight="1" x14ac:dyDescent="0.2">
      <c r="A610" s="49">
        <v>310</v>
      </c>
      <c r="B610" s="18" t="s">
        <v>1435</v>
      </c>
      <c r="C610" s="18" t="s">
        <v>1461</v>
      </c>
      <c r="D610" s="18" t="s">
        <v>1462</v>
      </c>
      <c r="E610" s="18" t="s">
        <v>1463</v>
      </c>
      <c r="F610" s="18" t="s">
        <v>1464</v>
      </c>
      <c r="G610" s="18" t="s">
        <v>1465</v>
      </c>
      <c r="H610" s="18" t="s">
        <v>4162</v>
      </c>
    </row>
    <row r="611" spans="1:8" ht="15" customHeight="1" x14ac:dyDescent="0.2">
      <c r="A611" s="49"/>
      <c r="B611" s="20"/>
      <c r="C611" s="20"/>
      <c r="D611" s="20"/>
      <c r="E611" s="20"/>
      <c r="F611" s="20"/>
      <c r="G611" s="21" t="s">
        <v>4163</v>
      </c>
      <c r="H611" s="20"/>
    </row>
    <row r="612" spans="1:8" ht="21.75" customHeight="1" x14ac:dyDescent="0.2">
      <c r="A612" s="49">
        <v>311</v>
      </c>
      <c r="B612" s="18" t="s">
        <v>1435</v>
      </c>
      <c r="C612" s="18" t="s">
        <v>1466</v>
      </c>
      <c r="D612" s="18" t="s">
        <v>1467</v>
      </c>
      <c r="E612" s="18" t="s">
        <v>1468</v>
      </c>
      <c r="F612" s="18" t="s">
        <v>1469</v>
      </c>
      <c r="G612" s="18" t="s">
        <v>186</v>
      </c>
      <c r="H612" s="18" t="s">
        <v>4164</v>
      </c>
    </row>
    <row r="613" spans="1:8" ht="15" customHeight="1" x14ac:dyDescent="0.2">
      <c r="A613" s="49"/>
      <c r="B613" s="20"/>
      <c r="C613" s="20"/>
      <c r="D613" s="20"/>
      <c r="E613" s="20"/>
      <c r="F613" s="20"/>
      <c r="G613" s="21" t="s">
        <v>3795</v>
      </c>
      <c r="H613" s="20"/>
    </row>
    <row r="614" spans="1:8" ht="21.75" customHeight="1" x14ac:dyDescent="0.2">
      <c r="A614" s="49">
        <v>312</v>
      </c>
      <c r="B614" s="18" t="s">
        <v>1470</v>
      </c>
      <c r="C614" s="18" t="s">
        <v>1471</v>
      </c>
      <c r="D614" s="18" t="s">
        <v>1472</v>
      </c>
      <c r="E614" s="18" t="s">
        <v>1473</v>
      </c>
      <c r="F614" s="18" t="s">
        <v>1474</v>
      </c>
      <c r="G614" s="18" t="s">
        <v>1475</v>
      </c>
      <c r="H614" s="18" t="s">
        <v>4165</v>
      </c>
    </row>
    <row r="615" spans="1:8" ht="15" customHeight="1" x14ac:dyDescent="0.2">
      <c r="A615" s="49"/>
      <c r="B615" s="20"/>
      <c r="C615" s="20"/>
      <c r="D615" s="20"/>
      <c r="E615" s="20"/>
      <c r="F615" s="20"/>
      <c r="G615" s="21" t="s">
        <v>4165</v>
      </c>
      <c r="H615" s="20"/>
    </row>
    <row r="616" spans="1:8" ht="21.75" customHeight="1" x14ac:dyDescent="0.2">
      <c r="A616" s="49">
        <v>313</v>
      </c>
      <c r="B616" s="18" t="s">
        <v>1470</v>
      </c>
      <c r="C616" s="18" t="s">
        <v>1476</v>
      </c>
      <c r="D616" s="18" t="s">
        <v>1477</v>
      </c>
      <c r="E616" s="18" t="s">
        <v>1478</v>
      </c>
      <c r="F616" s="18" t="s">
        <v>1479</v>
      </c>
      <c r="G616" s="18" t="s">
        <v>1480</v>
      </c>
      <c r="H616" s="18" t="s">
        <v>4166</v>
      </c>
    </row>
    <row r="617" spans="1:8" ht="15" customHeight="1" x14ac:dyDescent="0.2">
      <c r="A617" s="49"/>
      <c r="B617" s="20"/>
      <c r="C617" s="20"/>
      <c r="D617" s="20"/>
      <c r="E617" s="20"/>
      <c r="F617" s="20"/>
      <c r="G617" s="21" t="s">
        <v>4166</v>
      </c>
      <c r="H617" s="20"/>
    </row>
    <row r="618" spans="1:8" ht="21.75" customHeight="1" x14ac:dyDescent="0.2">
      <c r="A618" s="49">
        <v>314</v>
      </c>
      <c r="B618" s="18" t="s">
        <v>1470</v>
      </c>
      <c r="C618" s="18" t="s">
        <v>1481</v>
      </c>
      <c r="D618" s="18" t="s">
        <v>1482</v>
      </c>
      <c r="E618" s="18" t="s">
        <v>1483</v>
      </c>
      <c r="F618" s="18" t="s">
        <v>1484</v>
      </c>
      <c r="G618" s="18" t="s">
        <v>1485</v>
      </c>
      <c r="H618" s="18" t="s">
        <v>4167</v>
      </c>
    </row>
    <row r="619" spans="1:8" ht="15" customHeight="1" x14ac:dyDescent="0.2">
      <c r="A619" s="49"/>
      <c r="B619" s="20"/>
      <c r="C619" s="20"/>
      <c r="D619" s="20"/>
      <c r="E619" s="20"/>
      <c r="F619" s="20"/>
      <c r="G619" s="21" t="s">
        <v>4167</v>
      </c>
      <c r="H619" s="20"/>
    </row>
    <row r="620" spans="1:8" ht="21.75" customHeight="1" x14ac:dyDescent="0.2">
      <c r="A620" s="49">
        <v>315</v>
      </c>
      <c r="B620" s="18" t="s">
        <v>1470</v>
      </c>
      <c r="C620" s="18" t="s">
        <v>1486</v>
      </c>
      <c r="D620" s="18" t="s">
        <v>1487</v>
      </c>
      <c r="E620" s="18" t="s">
        <v>1488</v>
      </c>
      <c r="F620" s="18" t="s">
        <v>1489</v>
      </c>
      <c r="G620" s="18" t="s">
        <v>1490</v>
      </c>
      <c r="H620" s="18" t="s">
        <v>4168</v>
      </c>
    </row>
    <row r="621" spans="1:8" ht="15" customHeight="1" x14ac:dyDescent="0.2">
      <c r="A621" s="49"/>
      <c r="B621" s="20"/>
      <c r="C621" s="20"/>
      <c r="D621" s="20"/>
      <c r="E621" s="20"/>
      <c r="F621" s="20"/>
      <c r="G621" s="21" t="s">
        <v>4169</v>
      </c>
      <c r="H621" s="20"/>
    </row>
    <row r="622" spans="1:8" ht="21.75" customHeight="1" x14ac:dyDescent="0.2">
      <c r="A622" s="49">
        <v>316</v>
      </c>
      <c r="B622" s="18" t="s">
        <v>1470</v>
      </c>
      <c r="C622" s="18" t="s">
        <v>1491</v>
      </c>
      <c r="D622" s="18" t="s">
        <v>1492</v>
      </c>
      <c r="E622" s="18" t="s">
        <v>1493</v>
      </c>
      <c r="F622" s="18" t="s">
        <v>1494</v>
      </c>
      <c r="G622" s="18" t="s">
        <v>1495</v>
      </c>
      <c r="H622" s="18" t="s">
        <v>4170</v>
      </c>
    </row>
    <row r="623" spans="1:8" ht="15" customHeight="1" x14ac:dyDescent="0.2">
      <c r="A623" s="49"/>
      <c r="B623" s="20"/>
      <c r="C623" s="20"/>
      <c r="D623" s="20"/>
      <c r="E623" s="20"/>
      <c r="F623" s="20"/>
      <c r="G623" s="21" t="s">
        <v>4171</v>
      </c>
      <c r="H623" s="20"/>
    </row>
    <row r="624" spans="1:8" ht="21.75" customHeight="1" x14ac:dyDescent="0.2">
      <c r="A624" s="49">
        <v>317</v>
      </c>
      <c r="B624" s="18" t="s">
        <v>1470</v>
      </c>
      <c r="C624" s="18" t="s">
        <v>1496</v>
      </c>
      <c r="D624" s="18" t="s">
        <v>1492</v>
      </c>
      <c r="E624" s="18" t="s">
        <v>1497</v>
      </c>
      <c r="F624" s="18" t="s">
        <v>1498</v>
      </c>
      <c r="G624" s="18" t="s">
        <v>1499</v>
      </c>
      <c r="H624" s="18" t="s">
        <v>3728</v>
      </c>
    </row>
    <row r="625" spans="1:8" ht="15" customHeight="1" x14ac:dyDescent="0.2">
      <c r="A625" s="49"/>
      <c r="B625" s="20"/>
      <c r="C625" s="20"/>
      <c r="D625" s="20"/>
      <c r="E625" s="20"/>
      <c r="F625" s="20"/>
      <c r="G625" s="21" t="s">
        <v>4172</v>
      </c>
      <c r="H625" s="20"/>
    </row>
    <row r="626" spans="1:8" ht="21.75" customHeight="1" x14ac:dyDescent="0.2">
      <c r="A626" s="49">
        <v>318</v>
      </c>
      <c r="B626" s="18" t="s">
        <v>1470</v>
      </c>
      <c r="C626" s="18" t="s">
        <v>1500</v>
      </c>
      <c r="D626" s="18" t="s">
        <v>1501</v>
      </c>
      <c r="E626" s="18" t="s">
        <v>1502</v>
      </c>
      <c r="F626" s="18" t="s">
        <v>1503</v>
      </c>
      <c r="G626" s="18" t="s">
        <v>1504</v>
      </c>
      <c r="H626" s="18" t="s">
        <v>4173</v>
      </c>
    </row>
    <row r="627" spans="1:8" ht="15" customHeight="1" x14ac:dyDescent="0.2">
      <c r="A627" s="49"/>
      <c r="B627" s="20"/>
      <c r="C627" s="20"/>
      <c r="D627" s="20"/>
      <c r="E627" s="20"/>
      <c r="F627" s="20"/>
      <c r="G627" s="21" t="s">
        <v>4174</v>
      </c>
      <c r="H627" s="20"/>
    </row>
    <row r="628" spans="1:8" ht="21.75" customHeight="1" x14ac:dyDescent="0.2">
      <c r="A628" s="49">
        <v>319</v>
      </c>
      <c r="B628" s="18" t="s">
        <v>1470</v>
      </c>
      <c r="C628" s="18" t="s">
        <v>1505</v>
      </c>
      <c r="D628" s="18" t="s">
        <v>1506</v>
      </c>
      <c r="E628" s="18" t="s">
        <v>1507</v>
      </c>
      <c r="F628" s="18" t="s">
        <v>1508</v>
      </c>
      <c r="G628" s="18" t="s">
        <v>1509</v>
      </c>
      <c r="H628" s="18" t="s">
        <v>4175</v>
      </c>
    </row>
    <row r="629" spans="1:8" ht="15" customHeight="1" x14ac:dyDescent="0.2">
      <c r="A629" s="49"/>
      <c r="B629" s="20"/>
      <c r="C629" s="20"/>
      <c r="D629" s="20"/>
      <c r="E629" s="20"/>
      <c r="F629" s="20"/>
      <c r="G629" s="21" t="s">
        <v>4176</v>
      </c>
      <c r="H629" s="20"/>
    </row>
    <row r="630" spans="1:8" ht="21.75" customHeight="1" x14ac:dyDescent="0.2">
      <c r="A630" s="49">
        <v>320</v>
      </c>
      <c r="B630" s="18" t="s">
        <v>1470</v>
      </c>
      <c r="C630" s="18" t="s">
        <v>1510</v>
      </c>
      <c r="D630" s="18" t="s">
        <v>1511</v>
      </c>
      <c r="E630" s="18" t="s">
        <v>1512</v>
      </c>
      <c r="F630" s="18" t="s">
        <v>1513</v>
      </c>
      <c r="G630" s="18" t="s">
        <v>1514</v>
      </c>
      <c r="H630" s="18" t="s">
        <v>4177</v>
      </c>
    </row>
    <row r="631" spans="1:8" ht="15" customHeight="1" x14ac:dyDescent="0.2">
      <c r="A631" s="49"/>
      <c r="B631" s="20"/>
      <c r="C631" s="20"/>
      <c r="D631" s="20"/>
      <c r="E631" s="20"/>
      <c r="F631" s="20"/>
      <c r="G631" s="20" t="s">
        <v>4177</v>
      </c>
      <c r="H631" s="20"/>
    </row>
    <row r="632" spans="1:8" ht="21.75" customHeight="1" x14ac:dyDescent="0.2">
      <c r="A632" s="49">
        <v>321</v>
      </c>
      <c r="B632" s="18" t="s">
        <v>1470</v>
      </c>
      <c r="C632" s="18" t="s">
        <v>1515</v>
      </c>
      <c r="D632" s="18" t="s">
        <v>1516</v>
      </c>
      <c r="E632" s="18" t="s">
        <v>1517</v>
      </c>
      <c r="F632" s="18" t="s">
        <v>1518</v>
      </c>
      <c r="G632" s="18" t="s">
        <v>1519</v>
      </c>
      <c r="H632" s="18" t="s">
        <v>4178</v>
      </c>
    </row>
    <row r="633" spans="1:8" ht="15" customHeight="1" x14ac:dyDescent="0.2">
      <c r="A633" s="49"/>
      <c r="B633" s="20"/>
      <c r="C633" s="20"/>
      <c r="D633" s="20"/>
      <c r="E633" s="20"/>
      <c r="F633" s="20"/>
      <c r="G633" s="21" t="s">
        <v>4178</v>
      </c>
      <c r="H633" s="20"/>
    </row>
    <row r="634" spans="1:8" ht="21.75" customHeight="1" x14ac:dyDescent="0.2">
      <c r="A634" s="49">
        <v>322</v>
      </c>
      <c r="B634" s="18" t="s">
        <v>1470</v>
      </c>
      <c r="C634" s="18" t="s">
        <v>1520</v>
      </c>
      <c r="D634" s="18" t="s">
        <v>1521</v>
      </c>
      <c r="E634" s="18" t="s">
        <v>1522</v>
      </c>
      <c r="F634" s="18" t="s">
        <v>1523</v>
      </c>
      <c r="G634" s="18" t="s">
        <v>1524</v>
      </c>
      <c r="H634" s="18" t="s">
        <v>4179</v>
      </c>
    </row>
    <row r="635" spans="1:8" ht="15" customHeight="1" x14ac:dyDescent="0.2">
      <c r="A635" s="49"/>
      <c r="B635" s="20"/>
      <c r="C635" s="20"/>
      <c r="D635" s="20"/>
      <c r="E635" s="20"/>
      <c r="F635" s="20"/>
      <c r="G635" s="21" t="s">
        <v>4180</v>
      </c>
      <c r="H635" s="20"/>
    </row>
    <row r="636" spans="1:8" ht="21.75" customHeight="1" x14ac:dyDescent="0.2">
      <c r="A636" s="49">
        <v>323</v>
      </c>
      <c r="B636" s="18" t="s">
        <v>1470</v>
      </c>
      <c r="C636" s="18" t="s">
        <v>1525</v>
      </c>
      <c r="D636" s="18" t="s">
        <v>1526</v>
      </c>
      <c r="E636" s="18" t="s">
        <v>1527</v>
      </c>
      <c r="F636" s="18" t="s">
        <v>1528</v>
      </c>
      <c r="G636" s="18" t="s">
        <v>1529</v>
      </c>
      <c r="H636" s="18" t="s">
        <v>4181</v>
      </c>
    </row>
    <row r="637" spans="1:8" ht="15" customHeight="1" x14ac:dyDescent="0.2">
      <c r="A637" s="49"/>
      <c r="B637" s="20"/>
      <c r="C637" s="20"/>
      <c r="D637" s="20"/>
      <c r="E637" s="20"/>
      <c r="F637" s="20"/>
      <c r="G637" s="21" t="s">
        <v>4182</v>
      </c>
      <c r="H637" s="20"/>
    </row>
    <row r="638" spans="1:8" ht="21.75" customHeight="1" x14ac:dyDescent="0.2">
      <c r="A638" s="49">
        <v>324</v>
      </c>
      <c r="B638" s="18" t="s">
        <v>1470</v>
      </c>
      <c r="C638" s="18" t="s">
        <v>1530</v>
      </c>
      <c r="D638" s="18" t="s">
        <v>1501</v>
      </c>
      <c r="E638" s="18" t="s">
        <v>1531</v>
      </c>
      <c r="F638" s="18" t="s">
        <v>1532</v>
      </c>
      <c r="G638" s="18" t="s">
        <v>1533</v>
      </c>
      <c r="H638" s="23" t="s">
        <v>3241</v>
      </c>
    </row>
    <row r="639" spans="1:8" ht="15" customHeight="1" x14ac:dyDescent="0.2">
      <c r="A639" s="49"/>
      <c r="B639" s="20"/>
      <c r="C639" s="20"/>
      <c r="D639" s="20"/>
      <c r="E639" s="20"/>
      <c r="F639" s="20"/>
      <c r="G639" s="21" t="s">
        <v>4183</v>
      </c>
      <c r="H639" s="20"/>
    </row>
    <row r="640" spans="1:8" ht="21.75" customHeight="1" x14ac:dyDescent="0.2">
      <c r="A640" s="49">
        <v>325</v>
      </c>
      <c r="B640" s="18" t="s">
        <v>1470</v>
      </c>
      <c r="C640" s="18" t="s">
        <v>1534</v>
      </c>
      <c r="D640" s="18" t="s">
        <v>1535</v>
      </c>
      <c r="E640" s="18" t="s">
        <v>1536</v>
      </c>
      <c r="F640" s="18" t="s">
        <v>1537</v>
      </c>
      <c r="G640" s="18" t="s">
        <v>1538</v>
      </c>
      <c r="H640" s="18" t="s">
        <v>4184</v>
      </c>
    </row>
    <row r="641" spans="1:8" ht="15" customHeight="1" x14ac:dyDescent="0.2">
      <c r="A641" s="49"/>
      <c r="B641" s="20"/>
      <c r="C641" s="20"/>
      <c r="D641" s="20"/>
      <c r="E641" s="20"/>
      <c r="F641" s="20"/>
      <c r="G641" s="21" t="s">
        <v>4184</v>
      </c>
      <c r="H641" s="20"/>
    </row>
    <row r="642" spans="1:8" ht="21.75" customHeight="1" x14ac:dyDescent="0.2">
      <c r="A642" s="49">
        <v>326</v>
      </c>
      <c r="B642" s="18" t="s">
        <v>1470</v>
      </c>
      <c r="C642" s="18" t="s">
        <v>1539</v>
      </c>
      <c r="D642" s="18" t="s">
        <v>1487</v>
      </c>
      <c r="E642" s="18" t="s">
        <v>1540</v>
      </c>
      <c r="F642" s="18" t="s">
        <v>1541</v>
      </c>
      <c r="G642" s="18" t="s">
        <v>1542</v>
      </c>
      <c r="H642" s="18" t="s">
        <v>4185</v>
      </c>
    </row>
    <row r="643" spans="1:8" ht="15" customHeight="1" x14ac:dyDescent="0.2">
      <c r="A643" s="49"/>
      <c r="B643" s="20"/>
      <c r="C643" s="20"/>
      <c r="D643" s="20"/>
      <c r="E643" s="20"/>
      <c r="F643" s="20"/>
      <c r="G643" s="21" t="s">
        <v>4186</v>
      </c>
      <c r="H643" s="20"/>
    </row>
    <row r="644" spans="1:8" ht="21.75" customHeight="1" x14ac:dyDescent="0.2">
      <c r="A644" s="49">
        <v>327</v>
      </c>
      <c r="B644" s="18" t="s">
        <v>1470</v>
      </c>
      <c r="C644" s="18" t="s">
        <v>1543</v>
      </c>
      <c r="D644" s="18" t="s">
        <v>1544</v>
      </c>
      <c r="E644" s="18" t="s">
        <v>1545</v>
      </c>
      <c r="F644" s="18" t="s">
        <v>1546</v>
      </c>
      <c r="G644" s="18" t="s">
        <v>1547</v>
      </c>
      <c r="H644" s="18" t="s">
        <v>4187</v>
      </c>
    </row>
    <row r="645" spans="1:8" ht="15" customHeight="1" x14ac:dyDescent="0.2">
      <c r="A645" s="49"/>
      <c r="B645" s="20"/>
      <c r="C645" s="20"/>
      <c r="D645" s="20"/>
      <c r="E645" s="20"/>
      <c r="F645" s="20"/>
      <c r="G645" s="21" t="s">
        <v>4787</v>
      </c>
      <c r="H645" s="20"/>
    </row>
    <row r="646" spans="1:8" ht="21.75" customHeight="1" x14ac:dyDescent="0.2">
      <c r="A646" s="49">
        <v>328</v>
      </c>
      <c r="B646" s="18" t="s">
        <v>1470</v>
      </c>
      <c r="C646" s="18" t="s">
        <v>1548</v>
      </c>
      <c r="D646" s="18" t="s">
        <v>1549</v>
      </c>
      <c r="E646" s="18" t="s">
        <v>1550</v>
      </c>
      <c r="F646" s="18" t="s">
        <v>1551</v>
      </c>
      <c r="G646" s="18" t="s">
        <v>1552</v>
      </c>
      <c r="H646" s="18" t="s">
        <v>4188</v>
      </c>
    </row>
    <row r="647" spans="1:8" ht="15" customHeight="1" x14ac:dyDescent="0.2">
      <c r="A647" s="49"/>
      <c r="B647" s="20"/>
      <c r="C647" s="20"/>
      <c r="D647" s="20"/>
      <c r="E647" s="20"/>
      <c r="F647" s="20"/>
      <c r="G647" s="21" t="s">
        <v>4788</v>
      </c>
      <c r="H647" s="20"/>
    </row>
    <row r="648" spans="1:8" ht="21.75" customHeight="1" x14ac:dyDescent="0.2">
      <c r="A648" s="49">
        <v>329</v>
      </c>
      <c r="B648" s="18" t="s">
        <v>1553</v>
      </c>
      <c r="C648" s="18" t="s">
        <v>1554</v>
      </c>
      <c r="D648" s="18" t="s">
        <v>1555</v>
      </c>
      <c r="E648" s="18" t="s">
        <v>1556</v>
      </c>
      <c r="F648" s="18" t="s">
        <v>1557</v>
      </c>
      <c r="G648" s="18" t="s">
        <v>1558</v>
      </c>
      <c r="H648" s="18" t="s">
        <v>4189</v>
      </c>
    </row>
    <row r="649" spans="1:8" ht="15" customHeight="1" x14ac:dyDescent="0.2">
      <c r="A649" s="49"/>
      <c r="B649" s="20"/>
      <c r="C649" s="20"/>
      <c r="D649" s="20"/>
      <c r="E649" s="20"/>
      <c r="F649" s="20"/>
      <c r="G649" s="21" t="s">
        <v>4190</v>
      </c>
      <c r="H649" s="20"/>
    </row>
    <row r="650" spans="1:8" ht="21.75" customHeight="1" x14ac:dyDescent="0.2">
      <c r="A650" s="49">
        <v>330</v>
      </c>
      <c r="B650" s="18" t="s">
        <v>1553</v>
      </c>
      <c r="C650" s="18" t="s">
        <v>1559</v>
      </c>
      <c r="D650" s="18" t="s">
        <v>1560</v>
      </c>
      <c r="E650" s="18" t="s">
        <v>1561</v>
      </c>
      <c r="F650" s="18" t="s">
        <v>1562</v>
      </c>
      <c r="G650" s="18" t="s">
        <v>1563</v>
      </c>
      <c r="H650" s="18" t="s">
        <v>4789</v>
      </c>
    </row>
    <row r="651" spans="1:8" ht="15" customHeight="1" x14ac:dyDescent="0.2">
      <c r="A651" s="49"/>
      <c r="B651" s="20"/>
      <c r="C651" s="20"/>
      <c r="D651" s="20"/>
      <c r="E651" s="20"/>
      <c r="F651" s="20"/>
      <c r="G651" s="21" t="s">
        <v>4191</v>
      </c>
      <c r="H651" s="20"/>
    </row>
    <row r="652" spans="1:8" ht="21.75" customHeight="1" x14ac:dyDescent="0.2">
      <c r="A652" s="49">
        <v>331</v>
      </c>
      <c r="B652" s="18" t="s">
        <v>1553</v>
      </c>
      <c r="C652" s="18" t="s">
        <v>1564</v>
      </c>
      <c r="D652" s="18" t="s">
        <v>1565</v>
      </c>
      <c r="E652" s="18" t="s">
        <v>1566</v>
      </c>
      <c r="F652" s="18" t="s">
        <v>1567</v>
      </c>
      <c r="G652" s="18" t="s">
        <v>1568</v>
      </c>
      <c r="H652" s="21" t="s">
        <v>3736</v>
      </c>
    </row>
    <row r="653" spans="1:8" ht="15" customHeight="1" x14ac:dyDescent="0.2">
      <c r="A653" s="49"/>
      <c r="B653" s="20"/>
      <c r="C653" s="20"/>
      <c r="D653" s="20"/>
      <c r="E653" s="20"/>
      <c r="F653" s="20"/>
      <c r="G653" s="21" t="s">
        <v>3736</v>
      </c>
      <c r="H653" s="20"/>
    </row>
    <row r="654" spans="1:8" ht="21.75" customHeight="1" x14ac:dyDescent="0.2">
      <c r="A654" s="49">
        <v>332</v>
      </c>
      <c r="B654" s="18" t="s">
        <v>1553</v>
      </c>
      <c r="C654" s="18" t="s">
        <v>1569</v>
      </c>
      <c r="D654" s="18" t="s">
        <v>1570</v>
      </c>
      <c r="E654" s="18" t="s">
        <v>1571</v>
      </c>
      <c r="F654" s="18" t="s">
        <v>1572</v>
      </c>
      <c r="G654" s="18" t="s">
        <v>1573</v>
      </c>
      <c r="H654" s="18" t="s">
        <v>4192</v>
      </c>
    </row>
    <row r="655" spans="1:8" ht="15" customHeight="1" x14ac:dyDescent="0.2">
      <c r="A655" s="49"/>
      <c r="B655" s="20"/>
      <c r="C655" s="20"/>
      <c r="D655" s="20"/>
      <c r="E655" s="20"/>
      <c r="F655" s="20"/>
      <c r="G655" s="21" t="s">
        <v>4193</v>
      </c>
      <c r="H655" s="20"/>
    </row>
    <row r="656" spans="1:8" ht="21.75" customHeight="1" x14ac:dyDescent="0.2">
      <c r="A656" s="49">
        <v>333</v>
      </c>
      <c r="B656" s="18" t="s">
        <v>1553</v>
      </c>
      <c r="C656" s="18" t="s">
        <v>1574</v>
      </c>
      <c r="D656" s="18" t="s">
        <v>1575</v>
      </c>
      <c r="E656" s="18" t="s">
        <v>1576</v>
      </c>
      <c r="F656" s="18" t="s">
        <v>1577</v>
      </c>
      <c r="G656" s="18" t="s">
        <v>1578</v>
      </c>
      <c r="H656" s="18" t="s">
        <v>4194</v>
      </c>
    </row>
    <row r="657" spans="1:8" ht="15" customHeight="1" x14ac:dyDescent="0.2">
      <c r="A657" s="49"/>
      <c r="B657" s="20"/>
      <c r="C657" s="20"/>
      <c r="D657" s="20"/>
      <c r="E657" s="20"/>
      <c r="F657" s="20"/>
      <c r="G657" s="21" t="s">
        <v>4195</v>
      </c>
      <c r="H657" s="20"/>
    </row>
    <row r="658" spans="1:8" ht="21.75" customHeight="1" x14ac:dyDescent="0.2">
      <c r="A658" s="49">
        <v>334</v>
      </c>
      <c r="B658" s="18" t="s">
        <v>1553</v>
      </c>
      <c r="C658" s="18" t="s">
        <v>1579</v>
      </c>
      <c r="D658" s="18" t="s">
        <v>1580</v>
      </c>
      <c r="E658" s="18" t="s">
        <v>1581</v>
      </c>
      <c r="F658" s="18" t="s">
        <v>1582</v>
      </c>
      <c r="G658" s="18" t="s">
        <v>1583</v>
      </c>
      <c r="H658" s="18" t="s">
        <v>4196</v>
      </c>
    </row>
    <row r="659" spans="1:8" ht="15" customHeight="1" x14ac:dyDescent="0.2">
      <c r="A659" s="49"/>
      <c r="B659" s="20"/>
      <c r="C659" s="20"/>
      <c r="D659" s="20"/>
      <c r="E659" s="20"/>
      <c r="F659" s="20"/>
      <c r="G659" s="21" t="s">
        <v>4197</v>
      </c>
      <c r="H659" s="20"/>
    </row>
    <row r="660" spans="1:8" ht="21.75" customHeight="1" x14ac:dyDescent="0.2">
      <c r="A660" s="49">
        <v>335</v>
      </c>
      <c r="B660" s="18" t="s">
        <v>1553</v>
      </c>
      <c r="C660" s="18" t="s">
        <v>1584</v>
      </c>
      <c r="D660" s="18" t="s">
        <v>1585</v>
      </c>
      <c r="E660" s="18" t="s">
        <v>1586</v>
      </c>
      <c r="F660" s="18" t="s">
        <v>1587</v>
      </c>
      <c r="G660" s="18" t="s">
        <v>1588</v>
      </c>
      <c r="H660" s="27" t="s">
        <v>3242</v>
      </c>
    </row>
    <row r="661" spans="1:8" ht="15" customHeight="1" x14ac:dyDescent="0.2">
      <c r="A661" s="49"/>
      <c r="B661" s="20"/>
      <c r="C661" s="20"/>
      <c r="D661" s="20"/>
      <c r="E661" s="20"/>
      <c r="F661" s="20"/>
      <c r="G661" s="21" t="s">
        <v>4198</v>
      </c>
      <c r="H661" s="20"/>
    </row>
    <row r="662" spans="1:8" ht="21.75" customHeight="1" x14ac:dyDescent="0.2">
      <c r="A662" s="49">
        <v>336</v>
      </c>
      <c r="B662" s="18" t="s">
        <v>1553</v>
      </c>
      <c r="C662" s="18" t="s">
        <v>1589</v>
      </c>
      <c r="D662" s="18" t="s">
        <v>1590</v>
      </c>
      <c r="E662" s="18" t="s">
        <v>1591</v>
      </c>
      <c r="F662" s="18" t="s">
        <v>1592</v>
      </c>
      <c r="G662" s="18" t="s">
        <v>1593</v>
      </c>
      <c r="H662" s="18" t="s">
        <v>4790</v>
      </c>
    </row>
    <row r="663" spans="1:8" ht="15" customHeight="1" x14ac:dyDescent="0.2">
      <c r="A663" s="49"/>
      <c r="B663" s="20"/>
      <c r="C663" s="20"/>
      <c r="D663" s="20"/>
      <c r="E663" s="20"/>
      <c r="F663" s="20"/>
      <c r="G663" s="21" t="s">
        <v>4199</v>
      </c>
      <c r="H663" s="20"/>
    </row>
    <row r="664" spans="1:8" ht="21.75" customHeight="1" x14ac:dyDescent="0.2">
      <c r="A664" s="49">
        <v>337</v>
      </c>
      <c r="B664" s="18" t="s">
        <v>1553</v>
      </c>
      <c r="C664" s="18" t="s">
        <v>1594</v>
      </c>
      <c r="D664" s="18" t="s">
        <v>1595</v>
      </c>
      <c r="E664" s="18" t="s">
        <v>1596</v>
      </c>
      <c r="F664" s="18" t="s">
        <v>1597</v>
      </c>
      <c r="G664" s="18" t="s">
        <v>1598</v>
      </c>
      <c r="H664" s="18" t="s">
        <v>4200</v>
      </c>
    </row>
    <row r="665" spans="1:8" ht="15" customHeight="1" x14ac:dyDescent="0.2">
      <c r="A665" s="49"/>
      <c r="B665" s="20"/>
      <c r="C665" s="20"/>
      <c r="D665" s="20"/>
      <c r="E665" s="20"/>
      <c r="F665" s="20"/>
      <c r="G665" s="21" t="s">
        <v>4201</v>
      </c>
      <c r="H665" s="20"/>
    </row>
    <row r="666" spans="1:8" ht="21.75" customHeight="1" x14ac:dyDescent="0.2">
      <c r="A666" s="49">
        <v>338</v>
      </c>
      <c r="B666" s="18" t="s">
        <v>1553</v>
      </c>
      <c r="C666" s="18" t="s">
        <v>1599</v>
      </c>
      <c r="D666" s="18" t="s">
        <v>1600</v>
      </c>
      <c r="E666" s="18" t="s">
        <v>1601</v>
      </c>
      <c r="F666" s="18" t="s">
        <v>1602</v>
      </c>
      <c r="G666" s="18" t="s">
        <v>1593</v>
      </c>
      <c r="H666" s="18" t="s">
        <v>4202</v>
      </c>
    </row>
    <row r="667" spans="1:8" ht="15" customHeight="1" x14ac:dyDescent="0.2">
      <c r="A667" s="49"/>
      <c r="B667" s="20"/>
      <c r="C667" s="20"/>
      <c r="D667" s="20"/>
      <c r="E667" s="20"/>
      <c r="F667" s="20"/>
      <c r="G667" s="21" t="s">
        <v>4199</v>
      </c>
      <c r="H667" s="20"/>
    </row>
    <row r="668" spans="1:8" ht="21.75" customHeight="1" x14ac:dyDescent="0.2">
      <c r="A668" s="49">
        <v>339</v>
      </c>
      <c r="B668" s="18" t="s">
        <v>1553</v>
      </c>
      <c r="C668" s="18" t="s">
        <v>1603</v>
      </c>
      <c r="D668" s="18" t="s">
        <v>1604</v>
      </c>
      <c r="E668" s="18" t="s">
        <v>1605</v>
      </c>
      <c r="F668" s="18" t="s">
        <v>1606</v>
      </c>
      <c r="G668" s="18" t="s">
        <v>369</v>
      </c>
      <c r="H668" s="18" t="s">
        <v>4203</v>
      </c>
    </row>
    <row r="669" spans="1:8" ht="15" customHeight="1" x14ac:dyDescent="0.2">
      <c r="A669" s="49"/>
      <c r="B669" s="20"/>
      <c r="C669" s="20"/>
      <c r="D669" s="20"/>
      <c r="E669" s="20"/>
      <c r="F669" s="20"/>
      <c r="G669" s="21" t="s">
        <v>3853</v>
      </c>
      <c r="H669" s="20"/>
    </row>
    <row r="670" spans="1:8" ht="21.75" customHeight="1" x14ac:dyDescent="0.2">
      <c r="A670" s="49">
        <v>340</v>
      </c>
      <c r="B670" s="18" t="s">
        <v>1553</v>
      </c>
      <c r="C670" s="18" t="s">
        <v>1607</v>
      </c>
      <c r="D670" s="18" t="s">
        <v>1608</v>
      </c>
      <c r="E670" s="18" t="s">
        <v>1609</v>
      </c>
      <c r="F670" s="18" t="s">
        <v>1610</v>
      </c>
      <c r="G670" s="18" t="s">
        <v>1611</v>
      </c>
      <c r="H670" s="27" t="s">
        <v>4791</v>
      </c>
    </row>
    <row r="671" spans="1:8" ht="15" customHeight="1" x14ac:dyDescent="0.2">
      <c r="A671" s="49"/>
      <c r="B671" s="20"/>
      <c r="C671" s="20"/>
      <c r="D671" s="20"/>
      <c r="E671" s="20"/>
      <c r="F671" s="20"/>
      <c r="G671" s="21" t="s">
        <v>4792</v>
      </c>
      <c r="H671" s="20"/>
    </row>
    <row r="672" spans="1:8" ht="21.75" customHeight="1" x14ac:dyDescent="0.2">
      <c r="A672" s="49">
        <v>341</v>
      </c>
      <c r="B672" s="18" t="s">
        <v>1553</v>
      </c>
      <c r="C672" s="18" t="s">
        <v>1612</v>
      </c>
      <c r="D672" s="18" t="s">
        <v>1600</v>
      </c>
      <c r="E672" s="18" t="s">
        <v>1613</v>
      </c>
      <c r="F672" s="18" t="s">
        <v>1614</v>
      </c>
      <c r="G672" s="18" t="s">
        <v>1615</v>
      </c>
      <c r="H672" s="18" t="s">
        <v>4204</v>
      </c>
    </row>
    <row r="673" spans="1:8" ht="15" customHeight="1" x14ac:dyDescent="0.2">
      <c r="A673" s="49"/>
      <c r="B673" s="20"/>
      <c r="C673" s="20"/>
      <c r="D673" s="20"/>
      <c r="E673" s="20"/>
      <c r="F673" s="20"/>
      <c r="G673" s="21" t="s">
        <v>4205</v>
      </c>
      <c r="H673" s="20"/>
    </row>
    <row r="674" spans="1:8" ht="21.75" customHeight="1" x14ac:dyDescent="0.2">
      <c r="A674" s="49">
        <v>342</v>
      </c>
      <c r="B674" s="18" t="s">
        <v>1553</v>
      </c>
      <c r="C674" s="18" t="s">
        <v>1616</v>
      </c>
      <c r="D674" s="18" t="s">
        <v>1617</v>
      </c>
      <c r="E674" s="18" t="s">
        <v>1618</v>
      </c>
      <c r="F674" s="18" t="s">
        <v>1619</v>
      </c>
      <c r="G674" s="18" t="s">
        <v>1620</v>
      </c>
      <c r="H674" s="28" t="s">
        <v>3243</v>
      </c>
    </row>
    <row r="675" spans="1:8" ht="15" customHeight="1" x14ac:dyDescent="0.2">
      <c r="A675" s="49"/>
      <c r="B675" s="20"/>
      <c r="C675" s="20"/>
      <c r="D675" s="20"/>
      <c r="E675" s="20"/>
      <c r="F675" s="20"/>
      <c r="G675" s="21" t="s">
        <v>4206</v>
      </c>
      <c r="H675" s="20"/>
    </row>
    <row r="676" spans="1:8" ht="21.75" customHeight="1" x14ac:dyDescent="0.2">
      <c r="A676" s="49">
        <v>343</v>
      </c>
      <c r="B676" s="18" t="s">
        <v>1553</v>
      </c>
      <c r="C676" s="18" t="s">
        <v>1621</v>
      </c>
      <c r="D676" s="18" t="s">
        <v>1622</v>
      </c>
      <c r="E676" s="18" t="s">
        <v>1623</v>
      </c>
      <c r="F676" s="18" t="s">
        <v>1624</v>
      </c>
      <c r="G676" s="18" t="s">
        <v>1625</v>
      </c>
      <c r="H676" s="18" t="s">
        <v>4207</v>
      </c>
    </row>
    <row r="677" spans="1:8" ht="15" customHeight="1" x14ac:dyDescent="0.2">
      <c r="A677" s="49"/>
      <c r="B677" s="20"/>
      <c r="C677" s="20"/>
      <c r="D677" s="20"/>
      <c r="E677" s="20"/>
      <c r="F677" s="20"/>
      <c r="G677" s="21" t="s">
        <v>4207</v>
      </c>
      <c r="H677" s="20"/>
    </row>
    <row r="678" spans="1:8" ht="21.75" customHeight="1" x14ac:dyDescent="0.2">
      <c r="A678" s="49">
        <v>344</v>
      </c>
      <c r="B678" s="18" t="s">
        <v>1553</v>
      </c>
      <c r="C678" s="18" t="s">
        <v>1626</v>
      </c>
      <c r="D678" s="18" t="s">
        <v>1627</v>
      </c>
      <c r="E678" s="18" t="s">
        <v>1628</v>
      </c>
      <c r="F678" s="18" t="s">
        <v>1629</v>
      </c>
      <c r="G678" s="18" t="s">
        <v>1630</v>
      </c>
      <c r="H678" s="18" t="s">
        <v>4208</v>
      </c>
    </row>
    <row r="679" spans="1:8" ht="15" customHeight="1" x14ac:dyDescent="0.2">
      <c r="A679" s="49"/>
      <c r="B679" s="20"/>
      <c r="C679" s="20"/>
      <c r="D679" s="20"/>
      <c r="E679" s="20"/>
      <c r="F679" s="20"/>
      <c r="G679" s="21" t="s">
        <v>4208</v>
      </c>
      <c r="H679" s="20"/>
    </row>
    <row r="680" spans="1:8" ht="21.75" customHeight="1" x14ac:dyDescent="0.2">
      <c r="A680" s="49">
        <v>346</v>
      </c>
      <c r="B680" s="18" t="s">
        <v>1631</v>
      </c>
      <c r="C680" s="18" t="s">
        <v>1633</v>
      </c>
      <c r="D680" s="18" t="s">
        <v>1634</v>
      </c>
      <c r="E680" s="18" t="s">
        <v>1635</v>
      </c>
      <c r="F680" s="18" t="s">
        <v>1636</v>
      </c>
      <c r="G680" s="18" t="s">
        <v>1637</v>
      </c>
      <c r="H680" s="18" t="s">
        <v>1638</v>
      </c>
    </row>
    <row r="681" spans="1:8" ht="15" customHeight="1" x14ac:dyDescent="0.2">
      <c r="A681" s="49"/>
      <c r="B681" s="20"/>
      <c r="C681" s="20"/>
      <c r="D681" s="20"/>
      <c r="E681" s="20"/>
      <c r="F681" s="20"/>
      <c r="G681" s="21" t="s">
        <v>1638</v>
      </c>
      <c r="H681" s="20"/>
    </row>
    <row r="682" spans="1:8" ht="21.75" customHeight="1" x14ac:dyDescent="0.2">
      <c r="A682" s="49">
        <v>347</v>
      </c>
      <c r="B682" s="18" t="s">
        <v>1631</v>
      </c>
      <c r="C682" s="18" t="s">
        <v>1639</v>
      </c>
      <c r="D682" s="18" t="s">
        <v>1640</v>
      </c>
      <c r="E682" s="18" t="s">
        <v>1641</v>
      </c>
      <c r="F682" s="18" t="s">
        <v>1642</v>
      </c>
      <c r="G682" s="18" t="s">
        <v>1643</v>
      </c>
      <c r="H682" s="18" t="s">
        <v>4209</v>
      </c>
    </row>
    <row r="683" spans="1:8" ht="15" customHeight="1" x14ac:dyDescent="0.2">
      <c r="A683" s="49"/>
      <c r="B683" s="20"/>
      <c r="C683" s="20"/>
      <c r="D683" s="20"/>
      <c r="E683" s="20"/>
      <c r="F683" s="20"/>
      <c r="G683" s="21" t="s">
        <v>4209</v>
      </c>
      <c r="H683" s="20"/>
    </row>
    <row r="684" spans="1:8" ht="21.75" customHeight="1" x14ac:dyDescent="0.2">
      <c r="A684" s="49">
        <v>348</v>
      </c>
      <c r="B684" s="18" t="s">
        <v>1631</v>
      </c>
      <c r="C684" s="18" t="s">
        <v>1644</v>
      </c>
      <c r="D684" s="18" t="s">
        <v>1645</v>
      </c>
      <c r="E684" s="18" t="s">
        <v>1646</v>
      </c>
      <c r="F684" s="18" t="s">
        <v>1647</v>
      </c>
      <c r="G684" s="18" t="s">
        <v>1648</v>
      </c>
      <c r="H684" s="18" t="s">
        <v>4793</v>
      </c>
    </row>
    <row r="685" spans="1:8" ht="15" customHeight="1" x14ac:dyDescent="0.2">
      <c r="A685" s="49"/>
      <c r="B685" s="20"/>
      <c r="C685" s="20"/>
      <c r="D685" s="20"/>
      <c r="E685" s="20"/>
      <c r="F685" s="20"/>
      <c r="G685" s="21" t="s">
        <v>4210</v>
      </c>
      <c r="H685" s="20"/>
    </row>
    <row r="686" spans="1:8" ht="21.75" customHeight="1" x14ac:dyDescent="0.2">
      <c r="A686" s="49">
        <v>349</v>
      </c>
      <c r="B686" s="18" t="s">
        <v>1631</v>
      </c>
      <c r="C686" s="18" t="s">
        <v>1649</v>
      </c>
      <c r="D686" s="18" t="s">
        <v>1640</v>
      </c>
      <c r="E686" s="18" t="s">
        <v>1650</v>
      </c>
      <c r="F686" s="18" t="s">
        <v>1651</v>
      </c>
      <c r="G686" s="18" t="s">
        <v>1652</v>
      </c>
      <c r="H686" s="18" t="s">
        <v>1653</v>
      </c>
    </row>
    <row r="687" spans="1:8" ht="15" customHeight="1" x14ac:dyDescent="0.2">
      <c r="A687" s="49"/>
      <c r="B687" s="20"/>
      <c r="C687" s="20"/>
      <c r="D687" s="20"/>
      <c r="E687" s="20"/>
      <c r="F687" s="20"/>
      <c r="G687" s="21" t="s">
        <v>1654</v>
      </c>
      <c r="H687" s="20"/>
    </row>
    <row r="688" spans="1:8" ht="21.75" customHeight="1" x14ac:dyDescent="0.2">
      <c r="A688" s="49">
        <v>350</v>
      </c>
      <c r="B688" s="18" t="s">
        <v>1631</v>
      </c>
      <c r="C688" s="18" t="s">
        <v>4794</v>
      </c>
      <c r="D688" s="18" t="s">
        <v>1655</v>
      </c>
      <c r="E688" s="18" t="s">
        <v>1656</v>
      </c>
      <c r="F688" s="18" t="s">
        <v>1657</v>
      </c>
      <c r="G688" s="18" t="s">
        <v>1658</v>
      </c>
      <c r="H688" s="18" t="s">
        <v>4211</v>
      </c>
    </row>
    <row r="689" spans="1:8" ht="15" customHeight="1" x14ac:dyDescent="0.2">
      <c r="A689" s="49"/>
      <c r="B689" s="20"/>
      <c r="C689" s="20"/>
      <c r="D689" s="20"/>
      <c r="E689" s="20"/>
      <c r="F689" s="20"/>
      <c r="G689" s="21" t="s">
        <v>4211</v>
      </c>
      <c r="H689" s="20"/>
    </row>
    <row r="690" spans="1:8" ht="21.75" customHeight="1" x14ac:dyDescent="0.2">
      <c r="A690" s="49">
        <v>351</v>
      </c>
      <c r="B690" s="18" t="s">
        <v>1631</v>
      </c>
      <c r="C690" s="18" t="s">
        <v>1659</v>
      </c>
      <c r="D690" s="18" t="s">
        <v>1660</v>
      </c>
      <c r="E690" s="18" t="s">
        <v>1661</v>
      </c>
      <c r="F690" s="18" t="s">
        <v>1662</v>
      </c>
      <c r="G690" s="18" t="s">
        <v>1663</v>
      </c>
      <c r="H690" s="18" t="s">
        <v>4212</v>
      </c>
    </row>
    <row r="691" spans="1:8" ht="15" customHeight="1" x14ac:dyDescent="0.2">
      <c r="A691" s="49"/>
      <c r="B691" s="20"/>
      <c r="C691" s="20"/>
      <c r="D691" s="20"/>
      <c r="E691" s="20"/>
      <c r="F691" s="20"/>
      <c r="G691" s="21" t="s">
        <v>4213</v>
      </c>
      <c r="H691" s="20"/>
    </row>
    <row r="692" spans="1:8" ht="21.75" customHeight="1" x14ac:dyDescent="0.2">
      <c r="A692" s="49">
        <v>352</v>
      </c>
      <c r="B692" s="18" t="s">
        <v>1631</v>
      </c>
      <c r="C692" s="18" t="s">
        <v>1664</v>
      </c>
      <c r="D692" s="18" t="s">
        <v>1665</v>
      </c>
      <c r="E692" s="18" t="s">
        <v>1666</v>
      </c>
      <c r="F692" s="18" t="s">
        <v>1667</v>
      </c>
      <c r="G692" s="18" t="s">
        <v>1668</v>
      </c>
      <c r="H692" s="18" t="s">
        <v>4795</v>
      </c>
    </row>
    <row r="693" spans="1:8" ht="15" customHeight="1" x14ac:dyDescent="0.2">
      <c r="A693" s="49"/>
      <c r="B693" s="20"/>
      <c r="C693" s="20"/>
      <c r="D693" s="20"/>
      <c r="E693" s="20"/>
      <c r="F693" s="20"/>
      <c r="G693" s="21" t="s">
        <v>4796</v>
      </c>
      <c r="H693" s="20"/>
    </row>
    <row r="694" spans="1:8" ht="21.75" customHeight="1" x14ac:dyDescent="0.2">
      <c r="A694" s="49">
        <v>353</v>
      </c>
      <c r="B694" s="18" t="s">
        <v>1631</v>
      </c>
      <c r="C694" s="18" t="s">
        <v>1669</v>
      </c>
      <c r="D694" s="18" t="s">
        <v>1670</v>
      </c>
      <c r="E694" s="18" t="s">
        <v>1671</v>
      </c>
      <c r="F694" s="18" t="s">
        <v>1672</v>
      </c>
      <c r="G694" s="18" t="s">
        <v>1673</v>
      </c>
      <c r="H694" s="18" t="s">
        <v>4214</v>
      </c>
    </row>
    <row r="695" spans="1:8" ht="15" customHeight="1" x14ac:dyDescent="0.2">
      <c r="A695" s="49"/>
      <c r="B695" s="20"/>
      <c r="C695" s="20"/>
      <c r="D695" s="20"/>
      <c r="E695" s="20"/>
      <c r="F695" s="20"/>
      <c r="G695" s="21" t="s">
        <v>4215</v>
      </c>
      <c r="H695" s="20"/>
    </row>
    <row r="696" spans="1:8" ht="21.75" customHeight="1" x14ac:dyDescent="0.2">
      <c r="A696" s="49">
        <v>354</v>
      </c>
      <c r="B696" s="18" t="s">
        <v>1631</v>
      </c>
      <c r="C696" s="18" t="s">
        <v>1674</v>
      </c>
      <c r="D696" s="18" t="s">
        <v>1675</v>
      </c>
      <c r="E696" s="18" t="s">
        <v>1676</v>
      </c>
      <c r="F696" s="18" t="s">
        <v>1677</v>
      </c>
      <c r="G696" s="18" t="s">
        <v>1678</v>
      </c>
      <c r="H696" s="18" t="s">
        <v>4216</v>
      </c>
    </row>
    <row r="697" spans="1:8" ht="15" customHeight="1" x14ac:dyDescent="0.2">
      <c r="A697" s="49"/>
      <c r="B697" s="20"/>
      <c r="C697" s="20"/>
      <c r="D697" s="20"/>
      <c r="E697" s="20"/>
      <c r="F697" s="20"/>
      <c r="G697" s="21" t="s">
        <v>4217</v>
      </c>
      <c r="H697" s="20"/>
    </row>
    <row r="698" spans="1:8" ht="21.75" customHeight="1" x14ac:dyDescent="0.2">
      <c r="A698" s="49">
        <v>355</v>
      </c>
      <c r="B698" s="18" t="s">
        <v>1631</v>
      </c>
      <c r="C698" s="18" t="s">
        <v>1679</v>
      </c>
      <c r="D698" s="18" t="s">
        <v>1680</v>
      </c>
      <c r="E698" s="18" t="s">
        <v>1681</v>
      </c>
      <c r="F698" s="18" t="s">
        <v>1682</v>
      </c>
      <c r="G698" s="18" t="s">
        <v>1683</v>
      </c>
      <c r="H698" s="18" t="s">
        <v>4218</v>
      </c>
    </row>
    <row r="699" spans="1:8" ht="15" customHeight="1" x14ac:dyDescent="0.2">
      <c r="A699" s="49"/>
      <c r="B699" s="20"/>
      <c r="C699" s="20"/>
      <c r="D699" s="20"/>
      <c r="E699" s="20"/>
      <c r="F699" s="20"/>
      <c r="G699" s="21" t="s">
        <v>4219</v>
      </c>
      <c r="H699" s="20"/>
    </row>
    <row r="700" spans="1:8" ht="21.75" customHeight="1" x14ac:dyDescent="0.2">
      <c r="A700" s="49">
        <v>356</v>
      </c>
      <c r="B700" s="18" t="s">
        <v>1631</v>
      </c>
      <c r="C700" s="18" t="s">
        <v>1684</v>
      </c>
      <c r="D700" s="18" t="s">
        <v>1685</v>
      </c>
      <c r="E700" s="18" t="s">
        <v>1686</v>
      </c>
      <c r="F700" s="18" t="s">
        <v>1687</v>
      </c>
      <c r="G700" s="18" t="s">
        <v>1688</v>
      </c>
      <c r="H700" s="18" t="s">
        <v>4220</v>
      </c>
    </row>
    <row r="701" spans="1:8" ht="15" customHeight="1" x14ac:dyDescent="0.2">
      <c r="A701" s="49"/>
      <c r="B701" s="20"/>
      <c r="C701" s="20"/>
      <c r="D701" s="20"/>
      <c r="E701" s="20"/>
      <c r="F701" s="20"/>
      <c r="G701" s="21" t="s">
        <v>4221</v>
      </c>
      <c r="H701" s="20"/>
    </row>
    <row r="702" spans="1:8" ht="21.75" customHeight="1" x14ac:dyDescent="0.2">
      <c r="A702" s="49">
        <v>357</v>
      </c>
      <c r="B702" s="18" t="s">
        <v>1631</v>
      </c>
      <c r="C702" s="18" t="s">
        <v>1689</v>
      </c>
      <c r="D702" s="18" t="s">
        <v>1690</v>
      </c>
      <c r="E702" s="18" t="s">
        <v>1691</v>
      </c>
      <c r="F702" s="18" t="s">
        <v>1692</v>
      </c>
      <c r="G702" s="18" t="s">
        <v>1693</v>
      </c>
      <c r="H702" s="18" t="s">
        <v>4222</v>
      </c>
    </row>
    <row r="703" spans="1:8" ht="15" customHeight="1" x14ac:dyDescent="0.2">
      <c r="A703" s="49"/>
      <c r="B703" s="20"/>
      <c r="C703" s="20"/>
      <c r="D703" s="20"/>
      <c r="E703" s="20"/>
      <c r="F703" s="20"/>
      <c r="G703" s="21" t="s">
        <v>4223</v>
      </c>
      <c r="H703" s="20"/>
    </row>
    <row r="704" spans="1:8" ht="21.75" customHeight="1" x14ac:dyDescent="0.2">
      <c r="A704" s="49">
        <v>358</v>
      </c>
      <c r="B704" s="18" t="s">
        <v>1631</v>
      </c>
      <c r="C704" s="18" t="s">
        <v>1694</v>
      </c>
      <c r="D704" s="18" t="s">
        <v>1695</v>
      </c>
      <c r="E704" s="18" t="s">
        <v>1696</v>
      </c>
      <c r="F704" s="18" t="s">
        <v>1697</v>
      </c>
      <c r="G704" s="18" t="s">
        <v>1693</v>
      </c>
      <c r="H704" s="18" t="s">
        <v>4222</v>
      </c>
    </row>
    <row r="705" spans="1:8" ht="15" customHeight="1" x14ac:dyDescent="0.2">
      <c r="A705" s="49"/>
      <c r="B705" s="20"/>
      <c r="C705" s="20"/>
      <c r="D705" s="20"/>
      <c r="E705" s="20"/>
      <c r="F705" s="20"/>
      <c r="G705" s="21" t="s">
        <v>4223</v>
      </c>
      <c r="H705" s="20"/>
    </row>
    <row r="706" spans="1:8" ht="21.75" customHeight="1" x14ac:dyDescent="0.2">
      <c r="A706" s="49">
        <v>359</v>
      </c>
      <c r="B706" s="18" t="s">
        <v>1631</v>
      </c>
      <c r="C706" s="18" t="s">
        <v>1698</v>
      </c>
      <c r="D706" s="18" t="s">
        <v>1699</v>
      </c>
      <c r="E706" s="18" t="s">
        <v>1700</v>
      </c>
      <c r="F706" s="18" t="s">
        <v>1701</v>
      </c>
      <c r="G706" s="18" t="s">
        <v>1702</v>
      </c>
      <c r="H706" s="18" t="s">
        <v>4224</v>
      </c>
    </row>
    <row r="707" spans="1:8" ht="15" customHeight="1" x14ac:dyDescent="0.2">
      <c r="A707" s="49"/>
      <c r="B707" s="20"/>
      <c r="C707" s="20"/>
      <c r="D707" s="20"/>
      <c r="E707" s="20"/>
      <c r="F707" s="20"/>
      <c r="G707" s="21" t="s">
        <v>4225</v>
      </c>
      <c r="H707" s="20"/>
    </row>
    <row r="708" spans="1:8" ht="21.75" customHeight="1" x14ac:dyDescent="0.2">
      <c r="A708" s="49">
        <v>360</v>
      </c>
      <c r="B708" s="18" t="s">
        <v>1631</v>
      </c>
      <c r="C708" s="18" t="s">
        <v>1703</v>
      </c>
      <c r="D708" s="18" t="s">
        <v>1704</v>
      </c>
      <c r="E708" s="18" t="s">
        <v>1705</v>
      </c>
      <c r="F708" s="18" t="s">
        <v>1706</v>
      </c>
      <c r="G708" s="18" t="s">
        <v>1707</v>
      </c>
      <c r="H708" s="18" t="s">
        <v>4226</v>
      </c>
    </row>
    <row r="709" spans="1:8" ht="15" customHeight="1" x14ac:dyDescent="0.2">
      <c r="A709" s="49"/>
      <c r="B709" s="20"/>
      <c r="C709" s="20"/>
      <c r="D709" s="20"/>
      <c r="E709" s="20"/>
      <c r="F709" s="20"/>
      <c r="G709" s="20" t="s">
        <v>4227</v>
      </c>
      <c r="H709" s="20"/>
    </row>
    <row r="710" spans="1:8" ht="21.75" customHeight="1" x14ac:dyDescent="0.2">
      <c r="A710" s="49">
        <v>361</v>
      </c>
      <c r="B710" s="18" t="s">
        <v>1631</v>
      </c>
      <c r="C710" s="18" t="s">
        <v>1708</v>
      </c>
      <c r="D710" s="18" t="s">
        <v>1709</v>
      </c>
      <c r="E710" s="18" t="s">
        <v>1710</v>
      </c>
      <c r="F710" s="18" t="s">
        <v>1711</v>
      </c>
      <c r="G710" s="18" t="s">
        <v>4754</v>
      </c>
      <c r="H710" s="18" t="s">
        <v>4228</v>
      </c>
    </row>
    <row r="711" spans="1:8" ht="15" customHeight="1" x14ac:dyDescent="0.2">
      <c r="A711" s="49"/>
      <c r="B711" s="20"/>
      <c r="C711" s="20"/>
      <c r="D711" s="20"/>
      <c r="E711" s="20"/>
      <c r="F711" s="20"/>
      <c r="G711" s="21" t="s">
        <v>4755</v>
      </c>
      <c r="H711" s="20"/>
    </row>
    <row r="712" spans="1:8" ht="22.2" customHeight="1" x14ac:dyDescent="0.2">
      <c r="A712" s="49">
        <v>362</v>
      </c>
      <c r="B712" s="18" t="s">
        <v>1631</v>
      </c>
      <c r="C712" s="18" t="s">
        <v>1712</v>
      </c>
      <c r="D712" s="18" t="s">
        <v>1699</v>
      </c>
      <c r="E712" s="18" t="s">
        <v>1713</v>
      </c>
      <c r="F712" s="18" t="s">
        <v>1714</v>
      </c>
      <c r="G712" s="18" t="s">
        <v>1715</v>
      </c>
      <c r="H712" s="18" t="s">
        <v>4797</v>
      </c>
    </row>
    <row r="713" spans="1:8" ht="15" customHeight="1" x14ac:dyDescent="0.2">
      <c r="A713" s="49"/>
      <c r="B713" s="20"/>
      <c r="C713" s="20"/>
      <c r="D713" s="20"/>
      <c r="E713" s="20"/>
      <c r="F713" s="20"/>
      <c r="G713" s="21" t="s">
        <v>4229</v>
      </c>
      <c r="H713" s="20"/>
    </row>
    <row r="714" spans="1:8" ht="22.2" customHeight="1" x14ac:dyDescent="0.2">
      <c r="A714" s="49">
        <v>363</v>
      </c>
      <c r="B714" s="18" t="s">
        <v>1631</v>
      </c>
      <c r="C714" s="18" t="s">
        <v>1716</v>
      </c>
      <c r="D714" s="18" t="s">
        <v>1717</v>
      </c>
      <c r="E714" s="18" t="s">
        <v>1718</v>
      </c>
      <c r="F714" s="18" t="s">
        <v>1719</v>
      </c>
      <c r="G714" s="18" t="s">
        <v>1720</v>
      </c>
      <c r="H714" s="18" t="s">
        <v>4230</v>
      </c>
    </row>
    <row r="715" spans="1:8" ht="15" customHeight="1" x14ac:dyDescent="0.2">
      <c r="A715" s="49"/>
      <c r="B715" s="20"/>
      <c r="C715" s="20"/>
      <c r="D715" s="20"/>
      <c r="E715" s="20"/>
      <c r="F715" s="20"/>
      <c r="G715" s="21" t="s">
        <v>4230</v>
      </c>
      <c r="H715" s="20"/>
    </row>
    <row r="716" spans="1:8" ht="22.2" customHeight="1" x14ac:dyDescent="0.2">
      <c r="A716" s="49">
        <v>364</v>
      </c>
      <c r="B716" s="18" t="s">
        <v>1631</v>
      </c>
      <c r="C716" s="18" t="s">
        <v>1721</v>
      </c>
      <c r="D716" s="18" t="s">
        <v>1722</v>
      </c>
      <c r="E716" s="18" t="s">
        <v>1723</v>
      </c>
      <c r="F716" s="18" t="s">
        <v>1724</v>
      </c>
      <c r="G716" s="18" t="s">
        <v>1725</v>
      </c>
      <c r="H716" s="18" t="s">
        <v>4231</v>
      </c>
    </row>
    <row r="717" spans="1:8" ht="15" customHeight="1" x14ac:dyDescent="0.2">
      <c r="A717" s="49"/>
      <c r="B717" s="20"/>
      <c r="C717" s="20"/>
      <c r="D717" s="20"/>
      <c r="E717" s="20"/>
      <c r="F717" s="20"/>
      <c r="G717" s="21" t="s">
        <v>4232</v>
      </c>
      <c r="H717" s="20"/>
    </row>
    <row r="718" spans="1:8" ht="22.2" customHeight="1" x14ac:dyDescent="0.2">
      <c r="A718" s="49">
        <v>365</v>
      </c>
      <c r="B718" s="18" t="s">
        <v>1631</v>
      </c>
      <c r="C718" s="18" t="s">
        <v>1726</v>
      </c>
      <c r="D718" s="18" t="s">
        <v>1727</v>
      </c>
      <c r="E718" s="18" t="s">
        <v>1728</v>
      </c>
      <c r="F718" s="18" t="s">
        <v>1729</v>
      </c>
      <c r="G718" s="18" t="s">
        <v>4754</v>
      </c>
      <c r="H718" s="18" t="s">
        <v>4233</v>
      </c>
    </row>
    <row r="719" spans="1:8" ht="15" customHeight="1" x14ac:dyDescent="0.2">
      <c r="A719" s="49"/>
      <c r="B719" s="20"/>
      <c r="C719" s="20"/>
      <c r="D719" s="20"/>
      <c r="E719" s="20"/>
      <c r="F719" s="20"/>
      <c r="G719" s="21" t="s">
        <v>4755</v>
      </c>
      <c r="H719" s="20"/>
    </row>
    <row r="720" spans="1:8" ht="22.2" customHeight="1" x14ac:dyDescent="0.2">
      <c r="A720" s="49">
        <v>366</v>
      </c>
      <c r="B720" s="18" t="s">
        <v>1631</v>
      </c>
      <c r="C720" s="18" t="s">
        <v>1730</v>
      </c>
      <c r="D720" s="18" t="s">
        <v>1731</v>
      </c>
      <c r="E720" s="18" t="s">
        <v>1732</v>
      </c>
      <c r="F720" s="18" t="s">
        <v>1733</v>
      </c>
      <c r="G720" s="18" t="s">
        <v>186</v>
      </c>
      <c r="H720" s="18" t="s">
        <v>4234</v>
      </c>
    </row>
    <row r="721" spans="1:8" ht="15" customHeight="1" x14ac:dyDescent="0.2">
      <c r="A721" s="49"/>
      <c r="B721" s="20"/>
      <c r="C721" s="20"/>
      <c r="D721" s="20"/>
      <c r="E721" s="20"/>
      <c r="F721" s="20"/>
      <c r="G721" s="21" t="s">
        <v>3795</v>
      </c>
      <c r="H721" s="20"/>
    </row>
    <row r="722" spans="1:8" ht="22.2" customHeight="1" x14ac:dyDescent="0.2">
      <c r="A722" s="49">
        <v>367</v>
      </c>
      <c r="B722" s="18" t="s">
        <v>1631</v>
      </c>
      <c r="C722" s="18" t="s">
        <v>1734</v>
      </c>
      <c r="D722" s="18" t="s">
        <v>1735</v>
      </c>
      <c r="E722" s="18" t="s">
        <v>1736</v>
      </c>
      <c r="F722" s="18" t="s">
        <v>1737</v>
      </c>
      <c r="G722" s="18" t="s">
        <v>1738</v>
      </c>
      <c r="H722" s="18" t="s">
        <v>4235</v>
      </c>
    </row>
    <row r="723" spans="1:8" ht="15" customHeight="1" x14ac:dyDescent="0.2">
      <c r="A723" s="49"/>
      <c r="B723" s="20"/>
      <c r="C723" s="20"/>
      <c r="D723" s="20"/>
      <c r="E723" s="20"/>
      <c r="F723" s="20"/>
      <c r="G723" s="21" t="s">
        <v>4236</v>
      </c>
      <c r="H723" s="20"/>
    </row>
    <row r="724" spans="1:8" ht="22.2" customHeight="1" x14ac:dyDescent="0.2">
      <c r="A724" s="49">
        <v>368</v>
      </c>
      <c r="B724" s="18" t="s">
        <v>1631</v>
      </c>
      <c r="C724" s="18" t="s">
        <v>1739</v>
      </c>
      <c r="D724" s="18" t="s">
        <v>1632</v>
      </c>
      <c r="E724" s="18" t="s">
        <v>1740</v>
      </c>
      <c r="F724" s="18" t="s">
        <v>1741</v>
      </c>
      <c r="G724" s="18" t="s">
        <v>1742</v>
      </c>
      <c r="H724" s="18" t="s">
        <v>4237</v>
      </c>
    </row>
    <row r="725" spans="1:8" ht="15" customHeight="1" x14ac:dyDescent="0.2">
      <c r="A725" s="49"/>
      <c r="B725" s="20"/>
      <c r="C725" s="20"/>
      <c r="D725" s="20"/>
      <c r="E725" s="20"/>
      <c r="F725" s="20"/>
      <c r="G725" s="21" t="s">
        <v>4238</v>
      </c>
      <c r="H725" s="20"/>
    </row>
    <row r="726" spans="1:8" ht="22.2" customHeight="1" x14ac:dyDescent="0.2">
      <c r="A726" s="49">
        <v>369</v>
      </c>
      <c r="B726" s="18" t="s">
        <v>1631</v>
      </c>
      <c r="C726" s="18" t="s">
        <v>1743</v>
      </c>
      <c r="D726" s="18" t="s">
        <v>1690</v>
      </c>
      <c r="E726" s="18" t="s">
        <v>1744</v>
      </c>
      <c r="F726" s="18" t="s">
        <v>1745</v>
      </c>
      <c r="G726" s="18" t="s">
        <v>1746</v>
      </c>
      <c r="H726" s="18" t="s">
        <v>4239</v>
      </c>
    </row>
    <row r="727" spans="1:8" ht="15" customHeight="1" x14ac:dyDescent="0.2">
      <c r="A727" s="49"/>
      <c r="B727" s="20"/>
      <c r="C727" s="20"/>
      <c r="D727" s="20"/>
      <c r="E727" s="20"/>
      <c r="F727" s="20"/>
      <c r="G727" s="21" t="s">
        <v>4240</v>
      </c>
      <c r="H727" s="20"/>
    </row>
    <row r="728" spans="1:8" ht="22.2" customHeight="1" x14ac:dyDescent="0.2">
      <c r="A728" s="49">
        <v>370</v>
      </c>
      <c r="B728" s="18" t="s">
        <v>1631</v>
      </c>
      <c r="C728" s="18" t="s">
        <v>1747</v>
      </c>
      <c r="D728" s="18" t="s">
        <v>1748</v>
      </c>
      <c r="E728" s="18" t="s">
        <v>1749</v>
      </c>
      <c r="F728" s="18" t="s">
        <v>1750</v>
      </c>
      <c r="G728" s="18" t="s">
        <v>1751</v>
      </c>
      <c r="H728" s="18" t="s">
        <v>4241</v>
      </c>
    </row>
    <row r="729" spans="1:8" ht="15" customHeight="1" x14ac:dyDescent="0.2">
      <c r="A729" s="49"/>
      <c r="B729" s="20"/>
      <c r="C729" s="20"/>
      <c r="D729" s="20"/>
      <c r="E729" s="20"/>
      <c r="F729" s="20"/>
      <c r="G729" s="21" t="s">
        <v>4241</v>
      </c>
      <c r="H729" s="20"/>
    </row>
    <row r="730" spans="1:8" ht="21.75" customHeight="1" x14ac:dyDescent="0.2">
      <c r="A730" s="49">
        <v>371</v>
      </c>
      <c r="B730" s="18" t="s">
        <v>1631</v>
      </c>
      <c r="C730" s="18" t="s">
        <v>1752</v>
      </c>
      <c r="D730" s="18" t="s">
        <v>1753</v>
      </c>
      <c r="E730" s="18" t="s">
        <v>1754</v>
      </c>
      <c r="F730" s="18" t="s">
        <v>1755</v>
      </c>
      <c r="G730" s="18" t="s">
        <v>1756</v>
      </c>
      <c r="H730" s="18" t="s">
        <v>4242</v>
      </c>
    </row>
    <row r="731" spans="1:8" ht="15" customHeight="1" x14ac:dyDescent="0.2">
      <c r="A731" s="49"/>
      <c r="B731" s="20"/>
      <c r="C731" s="20"/>
      <c r="D731" s="20"/>
      <c r="E731" s="20"/>
      <c r="F731" s="20"/>
      <c r="G731" s="21" t="s">
        <v>4890</v>
      </c>
      <c r="H731" s="20"/>
    </row>
    <row r="732" spans="1:8" ht="21.75" customHeight="1" x14ac:dyDescent="0.2">
      <c r="A732" s="49">
        <v>372</v>
      </c>
      <c r="B732" s="18" t="s">
        <v>1757</v>
      </c>
      <c r="C732" s="18" t="s">
        <v>1758</v>
      </c>
      <c r="D732" s="18" t="s">
        <v>1759</v>
      </c>
      <c r="E732" s="18" t="s">
        <v>3737</v>
      </c>
      <c r="F732" s="18" t="s">
        <v>1760</v>
      </c>
      <c r="G732" s="18" t="s">
        <v>1761</v>
      </c>
      <c r="H732" s="18" t="s">
        <v>4243</v>
      </c>
    </row>
    <row r="733" spans="1:8" ht="15" customHeight="1" x14ac:dyDescent="0.2">
      <c r="A733" s="49"/>
      <c r="B733" s="20"/>
      <c r="C733" s="20"/>
      <c r="D733" s="20"/>
      <c r="E733" s="20"/>
      <c r="F733" s="20"/>
      <c r="G733" s="21" t="s">
        <v>4244</v>
      </c>
      <c r="H733" s="20"/>
    </row>
    <row r="734" spans="1:8" ht="21.75" customHeight="1" x14ac:dyDescent="0.2">
      <c r="A734" s="49">
        <v>373</v>
      </c>
      <c r="B734" s="18" t="s">
        <v>1757</v>
      </c>
      <c r="C734" s="18" t="s">
        <v>4798</v>
      </c>
      <c r="D734" s="18" t="s">
        <v>1762</v>
      </c>
      <c r="E734" s="18" t="s">
        <v>1763</v>
      </c>
      <c r="F734" s="18" t="s">
        <v>1764</v>
      </c>
      <c r="G734" s="18" t="s">
        <v>1765</v>
      </c>
      <c r="H734" s="18" t="s">
        <v>4245</v>
      </c>
    </row>
    <row r="735" spans="1:8" ht="15" customHeight="1" x14ac:dyDescent="0.2">
      <c r="A735" s="49"/>
      <c r="B735" s="20"/>
      <c r="C735" s="20"/>
      <c r="D735" s="20"/>
      <c r="E735" s="20"/>
      <c r="F735" s="20"/>
      <c r="G735" s="21" t="s">
        <v>4246</v>
      </c>
      <c r="H735" s="20"/>
    </row>
    <row r="736" spans="1:8" ht="21.75" customHeight="1" x14ac:dyDescent="0.2">
      <c r="A736" s="49">
        <v>374</v>
      </c>
      <c r="B736" s="18" t="s">
        <v>1757</v>
      </c>
      <c r="C736" s="18" t="s">
        <v>1766</v>
      </c>
      <c r="D736" s="18" t="s">
        <v>1762</v>
      </c>
      <c r="E736" s="18" t="s">
        <v>1767</v>
      </c>
      <c r="F736" s="18" t="s">
        <v>1768</v>
      </c>
      <c r="G736" s="18" t="s">
        <v>1769</v>
      </c>
      <c r="H736" s="18" t="s">
        <v>4247</v>
      </c>
    </row>
    <row r="737" spans="1:8" ht="15" customHeight="1" x14ac:dyDescent="0.2">
      <c r="A737" s="49"/>
      <c r="B737" s="20"/>
      <c r="C737" s="20"/>
      <c r="D737" s="20"/>
      <c r="E737" s="20"/>
      <c r="F737" s="20"/>
      <c r="G737" s="21" t="s">
        <v>4248</v>
      </c>
      <c r="H737" s="20"/>
    </row>
    <row r="738" spans="1:8" ht="21.75" customHeight="1" x14ac:dyDescent="0.2">
      <c r="A738" s="49">
        <v>375</v>
      </c>
      <c r="B738" s="18" t="s">
        <v>1757</v>
      </c>
      <c r="C738" s="18" t="s">
        <v>1770</v>
      </c>
      <c r="D738" s="18" t="s">
        <v>1771</v>
      </c>
      <c r="E738" s="18" t="s">
        <v>1772</v>
      </c>
      <c r="F738" s="18" t="s">
        <v>1773</v>
      </c>
      <c r="G738" s="18" t="s">
        <v>1774</v>
      </c>
      <c r="H738" s="18" t="s">
        <v>4249</v>
      </c>
    </row>
    <row r="739" spans="1:8" ht="15" customHeight="1" x14ac:dyDescent="0.2">
      <c r="A739" s="49"/>
      <c r="B739" s="20"/>
      <c r="C739" s="20"/>
      <c r="D739" s="20"/>
      <c r="E739" s="20"/>
      <c r="F739" s="20"/>
      <c r="G739" s="21" t="s">
        <v>4250</v>
      </c>
      <c r="H739" s="20"/>
    </row>
    <row r="740" spans="1:8" ht="21.75" customHeight="1" x14ac:dyDescent="0.2">
      <c r="A740" s="49">
        <v>376</v>
      </c>
      <c r="B740" s="18" t="s">
        <v>1757</v>
      </c>
      <c r="C740" s="18" t="s">
        <v>1775</v>
      </c>
      <c r="D740" s="18" t="s">
        <v>1776</v>
      </c>
      <c r="E740" s="18" t="s">
        <v>1777</v>
      </c>
      <c r="F740" s="18" t="s">
        <v>1778</v>
      </c>
      <c r="G740" s="18" t="s">
        <v>1779</v>
      </c>
      <c r="H740" s="18" t="s">
        <v>4799</v>
      </c>
    </row>
    <row r="741" spans="1:8" ht="15" customHeight="1" x14ac:dyDescent="0.2">
      <c r="A741" s="49"/>
      <c r="B741" s="20"/>
      <c r="C741" s="20"/>
      <c r="D741" s="20"/>
      <c r="E741" s="20"/>
      <c r="F741" s="20"/>
      <c r="G741" s="21" t="s">
        <v>4800</v>
      </c>
      <c r="H741" s="20"/>
    </row>
    <row r="742" spans="1:8" ht="21.6" customHeight="1" x14ac:dyDescent="0.2">
      <c r="A742" s="49">
        <v>377</v>
      </c>
      <c r="B742" s="18" t="s">
        <v>1757</v>
      </c>
      <c r="C742" s="18" t="s">
        <v>4801</v>
      </c>
      <c r="D742" s="18" t="s">
        <v>1780</v>
      </c>
      <c r="E742" s="18" t="s">
        <v>1781</v>
      </c>
      <c r="F742" s="18" t="s">
        <v>1782</v>
      </c>
      <c r="G742" s="18" t="s">
        <v>4884</v>
      </c>
      <c r="H742" s="18" t="s">
        <v>3729</v>
      </c>
    </row>
    <row r="743" spans="1:8" ht="15" customHeight="1" x14ac:dyDescent="0.2">
      <c r="A743" s="49"/>
      <c r="B743" s="20"/>
      <c r="C743" s="20"/>
      <c r="D743" s="20"/>
      <c r="E743" s="20"/>
      <c r="F743" s="20"/>
      <c r="G743" s="21" t="s">
        <v>3745</v>
      </c>
      <c r="H743" s="20"/>
    </row>
    <row r="744" spans="1:8" ht="21.75" customHeight="1" x14ac:dyDescent="0.2">
      <c r="A744" s="49">
        <v>378</v>
      </c>
      <c r="B744" s="18" t="s">
        <v>1757</v>
      </c>
      <c r="C744" s="18" t="s">
        <v>1783</v>
      </c>
      <c r="D744" s="18" t="s">
        <v>1784</v>
      </c>
      <c r="E744" s="18" t="s">
        <v>1785</v>
      </c>
      <c r="F744" s="18" t="s">
        <v>1786</v>
      </c>
      <c r="G744" s="18" t="s">
        <v>1787</v>
      </c>
      <c r="H744" s="18" t="s">
        <v>4251</v>
      </c>
    </row>
    <row r="745" spans="1:8" ht="15" customHeight="1" x14ac:dyDescent="0.2">
      <c r="A745" s="49"/>
      <c r="B745" s="20"/>
      <c r="C745" s="20"/>
      <c r="D745" s="20"/>
      <c r="E745" s="20"/>
      <c r="F745" s="20"/>
      <c r="G745" s="21" t="s">
        <v>4252</v>
      </c>
      <c r="H745" s="20"/>
    </row>
    <row r="746" spans="1:8" ht="21.75" customHeight="1" x14ac:dyDescent="0.2">
      <c r="A746" s="49">
        <v>379</v>
      </c>
      <c r="B746" s="18" t="s">
        <v>1757</v>
      </c>
      <c r="C746" s="18" t="s">
        <v>1788</v>
      </c>
      <c r="D746" s="18" t="s">
        <v>1789</v>
      </c>
      <c r="E746" s="18" t="s">
        <v>1790</v>
      </c>
      <c r="F746" s="18" t="s">
        <v>1791</v>
      </c>
      <c r="G746" s="18" t="s">
        <v>1792</v>
      </c>
      <c r="H746" s="18" t="s">
        <v>4253</v>
      </c>
    </row>
    <row r="747" spans="1:8" ht="15" customHeight="1" x14ac:dyDescent="0.2">
      <c r="A747" s="49"/>
      <c r="B747" s="20"/>
      <c r="C747" s="20"/>
      <c r="D747" s="20"/>
      <c r="E747" s="20"/>
      <c r="F747" s="20"/>
      <c r="G747" s="21" t="s">
        <v>4254</v>
      </c>
      <c r="H747" s="20"/>
    </row>
    <row r="748" spans="1:8" ht="21.75" customHeight="1" x14ac:dyDescent="0.2">
      <c r="A748" s="49">
        <v>380</v>
      </c>
      <c r="B748" s="18" t="s">
        <v>1757</v>
      </c>
      <c r="C748" s="18" t="s">
        <v>1793</v>
      </c>
      <c r="D748" s="18" t="s">
        <v>1794</v>
      </c>
      <c r="E748" s="18" t="s">
        <v>1795</v>
      </c>
      <c r="F748" s="18" t="s">
        <v>1796</v>
      </c>
      <c r="G748" s="18" t="s">
        <v>1797</v>
      </c>
      <c r="H748" s="18" t="s">
        <v>4255</v>
      </c>
    </row>
    <row r="749" spans="1:8" ht="15" customHeight="1" x14ac:dyDescent="0.2">
      <c r="A749" s="49"/>
      <c r="B749" s="20"/>
      <c r="C749" s="20"/>
      <c r="D749" s="20"/>
      <c r="E749" s="20"/>
      <c r="F749" s="20"/>
      <c r="G749" s="21" t="s">
        <v>4256</v>
      </c>
      <c r="H749" s="20"/>
    </row>
    <row r="750" spans="1:8" ht="21.75" customHeight="1" x14ac:dyDescent="0.2">
      <c r="A750" s="49">
        <v>381</v>
      </c>
      <c r="B750" s="18" t="s">
        <v>1757</v>
      </c>
      <c r="C750" s="18" t="s">
        <v>1798</v>
      </c>
      <c r="D750" s="18" t="s">
        <v>1799</v>
      </c>
      <c r="E750" s="18" t="s">
        <v>1800</v>
      </c>
      <c r="F750" s="18" t="s">
        <v>1801</v>
      </c>
      <c r="G750" s="18" t="s">
        <v>1802</v>
      </c>
      <c r="H750" s="18" t="s">
        <v>4257</v>
      </c>
    </row>
    <row r="751" spans="1:8" ht="15" customHeight="1" x14ac:dyDescent="0.2">
      <c r="A751" s="49"/>
      <c r="B751" s="20"/>
      <c r="C751" s="20"/>
      <c r="D751" s="20"/>
      <c r="E751" s="20"/>
      <c r="F751" s="20"/>
      <c r="G751" s="21" t="s">
        <v>4258</v>
      </c>
      <c r="H751" s="20"/>
    </row>
    <row r="752" spans="1:8" ht="21.75" customHeight="1" x14ac:dyDescent="0.2">
      <c r="A752" s="49">
        <v>382</v>
      </c>
      <c r="B752" s="18" t="s">
        <v>1757</v>
      </c>
      <c r="C752" s="18" t="s">
        <v>1803</v>
      </c>
      <c r="D752" s="18" t="s">
        <v>1804</v>
      </c>
      <c r="E752" s="18" t="s">
        <v>1805</v>
      </c>
      <c r="F752" s="18" t="s">
        <v>1806</v>
      </c>
      <c r="G752" s="18" t="s">
        <v>1807</v>
      </c>
      <c r="H752" s="18" t="s">
        <v>4259</v>
      </c>
    </row>
    <row r="753" spans="1:8" ht="15" customHeight="1" x14ac:dyDescent="0.2">
      <c r="A753" s="49"/>
      <c r="B753" s="20"/>
      <c r="C753" s="20"/>
      <c r="D753" s="20"/>
      <c r="E753" s="20"/>
      <c r="F753" s="20"/>
      <c r="G753" s="21" t="s">
        <v>4260</v>
      </c>
      <c r="H753" s="20"/>
    </row>
    <row r="754" spans="1:8" ht="21.75" customHeight="1" x14ac:dyDescent="0.2">
      <c r="A754" s="49">
        <v>384</v>
      </c>
      <c r="B754" s="18" t="s">
        <v>1757</v>
      </c>
      <c r="C754" s="18" t="s">
        <v>1808</v>
      </c>
      <c r="D754" s="18" t="s">
        <v>1809</v>
      </c>
      <c r="E754" s="18" t="s">
        <v>1810</v>
      </c>
      <c r="F754" s="18" t="s">
        <v>1811</v>
      </c>
      <c r="G754" s="18" t="s">
        <v>1812</v>
      </c>
      <c r="H754" s="18" t="s">
        <v>4261</v>
      </c>
    </row>
    <row r="755" spans="1:8" ht="15" customHeight="1" x14ac:dyDescent="0.2">
      <c r="A755" s="49"/>
      <c r="B755" s="20"/>
      <c r="C755" s="20"/>
      <c r="D755" s="20"/>
      <c r="E755" s="20"/>
      <c r="F755" s="20"/>
      <c r="G755" s="21" t="s">
        <v>4261</v>
      </c>
      <c r="H755" s="20"/>
    </row>
    <row r="756" spans="1:8" ht="21.75" customHeight="1" x14ac:dyDescent="0.2">
      <c r="A756" s="49">
        <v>385</v>
      </c>
      <c r="B756" s="18" t="s">
        <v>1757</v>
      </c>
      <c r="C756" s="18" t="s">
        <v>1813</v>
      </c>
      <c r="D756" s="18" t="s">
        <v>1814</v>
      </c>
      <c r="E756" s="18" t="s">
        <v>1815</v>
      </c>
      <c r="F756" s="18" t="s">
        <v>1816</v>
      </c>
      <c r="G756" s="18" t="s">
        <v>1817</v>
      </c>
      <c r="H756" s="18" t="s">
        <v>4262</v>
      </c>
    </row>
    <row r="757" spans="1:8" ht="15" customHeight="1" x14ac:dyDescent="0.2">
      <c r="A757" s="49"/>
      <c r="B757" s="20"/>
      <c r="C757" s="20"/>
      <c r="D757" s="20"/>
      <c r="E757" s="20"/>
      <c r="F757" s="20"/>
      <c r="G757" s="21" t="s">
        <v>4262</v>
      </c>
      <c r="H757" s="20"/>
    </row>
    <row r="758" spans="1:8" ht="21.75" customHeight="1" x14ac:dyDescent="0.2">
      <c r="A758" s="49">
        <v>387</v>
      </c>
      <c r="B758" s="18" t="s">
        <v>1757</v>
      </c>
      <c r="C758" s="18" t="s">
        <v>1818</v>
      </c>
      <c r="D758" s="18" t="s">
        <v>1819</v>
      </c>
      <c r="E758" s="18" t="s">
        <v>1820</v>
      </c>
      <c r="F758" s="18" t="s">
        <v>1821</v>
      </c>
      <c r="G758" s="18" t="s">
        <v>1822</v>
      </c>
      <c r="H758" s="18" t="s">
        <v>4263</v>
      </c>
    </row>
    <row r="759" spans="1:8" ht="15" customHeight="1" x14ac:dyDescent="0.2">
      <c r="A759" s="49"/>
      <c r="B759" s="20"/>
      <c r="C759" s="20"/>
      <c r="D759" s="20"/>
      <c r="E759" s="20"/>
      <c r="F759" s="20"/>
      <c r="G759" s="21" t="s">
        <v>4264</v>
      </c>
      <c r="H759" s="20"/>
    </row>
    <row r="760" spans="1:8" ht="26.4" x14ac:dyDescent="0.2">
      <c r="A760" s="49">
        <v>388</v>
      </c>
      <c r="B760" s="18" t="s">
        <v>1757</v>
      </c>
      <c r="C760" s="18" t="s">
        <v>1823</v>
      </c>
      <c r="D760" s="18" t="s">
        <v>1824</v>
      </c>
      <c r="E760" s="18" t="s">
        <v>1825</v>
      </c>
      <c r="F760" s="18" t="s">
        <v>1826</v>
      </c>
      <c r="G760" s="18" t="s">
        <v>1827</v>
      </c>
      <c r="H760" s="18" t="s">
        <v>4265</v>
      </c>
    </row>
    <row r="761" spans="1:8" ht="15" customHeight="1" x14ac:dyDescent="0.2">
      <c r="A761" s="49"/>
      <c r="B761" s="20"/>
      <c r="C761" s="20"/>
      <c r="D761" s="20"/>
      <c r="E761" s="20"/>
      <c r="F761" s="20"/>
      <c r="G761" s="21" t="s">
        <v>4266</v>
      </c>
      <c r="H761" s="20"/>
    </row>
    <row r="762" spans="1:8" ht="21.75" customHeight="1" x14ac:dyDescent="0.2">
      <c r="A762" s="49">
        <v>389</v>
      </c>
      <c r="B762" s="18" t="s">
        <v>1757</v>
      </c>
      <c r="C762" s="18" t="s">
        <v>1828</v>
      </c>
      <c r="D762" s="18" t="s">
        <v>1829</v>
      </c>
      <c r="E762" s="18" t="s">
        <v>1830</v>
      </c>
      <c r="F762" s="18" t="s">
        <v>1831</v>
      </c>
      <c r="G762" s="18" t="s">
        <v>1832</v>
      </c>
      <c r="H762" s="18" t="s">
        <v>4267</v>
      </c>
    </row>
    <row r="763" spans="1:8" ht="15" customHeight="1" x14ac:dyDescent="0.2">
      <c r="A763" s="49"/>
      <c r="B763" s="20"/>
      <c r="C763" s="20"/>
      <c r="D763" s="20"/>
      <c r="E763" s="20"/>
      <c r="F763" s="20"/>
      <c r="G763" s="21" t="s">
        <v>4267</v>
      </c>
      <c r="H763" s="20"/>
    </row>
    <row r="764" spans="1:8" ht="21.75" customHeight="1" x14ac:dyDescent="0.2">
      <c r="A764" s="49">
        <v>390</v>
      </c>
      <c r="B764" s="18" t="s">
        <v>1757</v>
      </c>
      <c r="C764" s="18" t="s">
        <v>1833</v>
      </c>
      <c r="D764" s="18" t="s">
        <v>1834</v>
      </c>
      <c r="E764" s="18" t="s">
        <v>1835</v>
      </c>
      <c r="F764" s="18" t="s">
        <v>1836</v>
      </c>
      <c r="G764" s="18" t="s">
        <v>1837</v>
      </c>
      <c r="H764" s="18" t="s">
        <v>4268</v>
      </c>
    </row>
    <row r="765" spans="1:8" ht="15" customHeight="1" x14ac:dyDescent="0.2">
      <c r="A765" s="49"/>
      <c r="B765" s="20"/>
      <c r="C765" s="20"/>
      <c r="D765" s="20"/>
      <c r="E765" s="20"/>
      <c r="F765" s="20"/>
      <c r="G765" s="21" t="s">
        <v>4269</v>
      </c>
      <c r="H765" s="20"/>
    </row>
    <row r="766" spans="1:8" ht="21.75" customHeight="1" x14ac:dyDescent="0.2">
      <c r="A766" s="49">
        <v>391</v>
      </c>
      <c r="B766" s="18" t="s">
        <v>1838</v>
      </c>
      <c r="C766" s="18" t="s">
        <v>1839</v>
      </c>
      <c r="D766" s="18" t="s">
        <v>1840</v>
      </c>
      <c r="E766" s="18" t="s">
        <v>1841</v>
      </c>
      <c r="F766" s="18" t="s">
        <v>1842</v>
      </c>
      <c r="G766" s="18" t="s">
        <v>1843</v>
      </c>
      <c r="H766" s="18" t="s">
        <v>4270</v>
      </c>
    </row>
    <row r="767" spans="1:8" ht="15" customHeight="1" x14ac:dyDescent="0.2">
      <c r="A767" s="49"/>
      <c r="B767" s="20"/>
      <c r="C767" s="20"/>
      <c r="D767" s="20"/>
      <c r="E767" s="20"/>
      <c r="F767" s="20"/>
      <c r="G767" s="21" t="s">
        <v>4270</v>
      </c>
      <c r="H767" s="20"/>
    </row>
    <row r="768" spans="1:8" ht="21.75" customHeight="1" x14ac:dyDescent="0.2">
      <c r="A768" s="49">
        <v>392</v>
      </c>
      <c r="B768" s="18" t="s">
        <v>1838</v>
      </c>
      <c r="C768" s="18" t="s">
        <v>1844</v>
      </c>
      <c r="D768" s="18" t="s">
        <v>1840</v>
      </c>
      <c r="E768" s="18" t="s">
        <v>1845</v>
      </c>
      <c r="F768" s="18" t="s">
        <v>1846</v>
      </c>
      <c r="G768" s="18" t="s">
        <v>186</v>
      </c>
      <c r="H768" s="18" t="s">
        <v>4271</v>
      </c>
    </row>
    <row r="769" spans="1:8" ht="15" customHeight="1" x14ac:dyDescent="0.2">
      <c r="A769" s="49"/>
      <c r="B769" s="20"/>
      <c r="C769" s="20"/>
      <c r="D769" s="20"/>
      <c r="E769" s="20"/>
      <c r="F769" s="20"/>
      <c r="G769" s="21" t="s">
        <v>3795</v>
      </c>
      <c r="H769" s="20"/>
    </row>
    <row r="770" spans="1:8" ht="21.75" customHeight="1" x14ac:dyDescent="0.2">
      <c r="A770" s="49">
        <v>393</v>
      </c>
      <c r="B770" s="18" t="s">
        <v>1838</v>
      </c>
      <c r="C770" s="18" t="s">
        <v>1847</v>
      </c>
      <c r="D770" s="18" t="s">
        <v>1848</v>
      </c>
      <c r="E770" s="18" t="s">
        <v>1849</v>
      </c>
      <c r="F770" s="18" t="s">
        <v>1850</v>
      </c>
      <c r="G770" s="18" t="s">
        <v>1851</v>
      </c>
      <c r="H770" s="18" t="s">
        <v>4272</v>
      </c>
    </row>
    <row r="771" spans="1:8" ht="15" customHeight="1" x14ac:dyDescent="0.2">
      <c r="A771" s="49"/>
      <c r="B771" s="20"/>
      <c r="C771" s="20"/>
      <c r="D771" s="20"/>
      <c r="E771" s="20"/>
      <c r="F771" s="20"/>
      <c r="G771" s="21" t="s">
        <v>4273</v>
      </c>
      <c r="H771" s="20"/>
    </row>
    <row r="772" spans="1:8" ht="21.75" customHeight="1" x14ac:dyDescent="0.2">
      <c r="A772" s="49">
        <v>394</v>
      </c>
      <c r="B772" s="18" t="s">
        <v>1838</v>
      </c>
      <c r="C772" s="18" t="s">
        <v>1852</v>
      </c>
      <c r="D772" s="18" t="s">
        <v>1853</v>
      </c>
      <c r="E772" s="18" t="s">
        <v>1854</v>
      </c>
      <c r="F772" s="18" t="s">
        <v>1855</v>
      </c>
      <c r="G772" s="18" t="s">
        <v>4754</v>
      </c>
      <c r="H772" s="18" t="s">
        <v>4274</v>
      </c>
    </row>
    <row r="773" spans="1:8" ht="15" customHeight="1" x14ac:dyDescent="0.2">
      <c r="A773" s="49"/>
      <c r="B773" s="20"/>
      <c r="C773" s="20"/>
      <c r="D773" s="20"/>
      <c r="E773" s="20"/>
      <c r="F773" s="20"/>
      <c r="G773" s="21" t="s">
        <v>4755</v>
      </c>
      <c r="H773" s="20"/>
    </row>
    <row r="774" spans="1:8" ht="21.75" customHeight="1" x14ac:dyDescent="0.2">
      <c r="A774" s="49">
        <v>395</v>
      </c>
      <c r="B774" s="18" t="s">
        <v>1838</v>
      </c>
      <c r="C774" s="18" t="s">
        <v>1856</v>
      </c>
      <c r="D774" s="18" t="s">
        <v>1857</v>
      </c>
      <c r="E774" s="18" t="s">
        <v>1858</v>
      </c>
      <c r="F774" s="18" t="s">
        <v>1859</v>
      </c>
      <c r="G774" s="18" t="s">
        <v>1860</v>
      </c>
      <c r="H774" s="18" t="s">
        <v>4275</v>
      </c>
    </row>
    <row r="775" spans="1:8" ht="15" customHeight="1" x14ac:dyDescent="0.2">
      <c r="A775" s="49"/>
      <c r="B775" s="20"/>
      <c r="C775" s="20"/>
      <c r="D775" s="20"/>
      <c r="E775" s="20"/>
      <c r="F775" s="20"/>
      <c r="G775" s="21" t="s">
        <v>4276</v>
      </c>
      <c r="H775" s="20"/>
    </row>
    <row r="776" spans="1:8" ht="21.75" customHeight="1" x14ac:dyDescent="0.2">
      <c r="A776" s="49">
        <v>396</v>
      </c>
      <c r="B776" s="18" t="s">
        <v>1838</v>
      </c>
      <c r="C776" s="18" t="s">
        <v>1861</v>
      </c>
      <c r="D776" s="18" t="s">
        <v>1862</v>
      </c>
      <c r="E776" s="18" t="s">
        <v>1863</v>
      </c>
      <c r="F776" s="18" t="s">
        <v>1864</v>
      </c>
      <c r="G776" s="18" t="s">
        <v>1865</v>
      </c>
      <c r="H776" s="18" t="s">
        <v>4277</v>
      </c>
    </row>
    <row r="777" spans="1:8" ht="15" customHeight="1" x14ac:dyDescent="0.2">
      <c r="A777" s="49"/>
      <c r="B777" s="20"/>
      <c r="C777" s="20"/>
      <c r="D777" s="20"/>
      <c r="E777" s="20"/>
      <c r="F777" s="20"/>
      <c r="G777" s="21" t="s">
        <v>4278</v>
      </c>
      <c r="H777" s="20"/>
    </row>
    <row r="778" spans="1:8" ht="21.75" customHeight="1" x14ac:dyDescent="0.2">
      <c r="A778" s="49">
        <v>397</v>
      </c>
      <c r="B778" s="18" t="s">
        <v>1838</v>
      </c>
      <c r="C778" s="18" t="s">
        <v>1866</v>
      </c>
      <c r="D778" s="18" t="s">
        <v>1867</v>
      </c>
      <c r="E778" s="18" t="s">
        <v>1868</v>
      </c>
      <c r="F778" s="18" t="s">
        <v>1869</v>
      </c>
      <c r="G778" s="18" t="s">
        <v>1870</v>
      </c>
      <c r="H778" s="18" t="s">
        <v>4279</v>
      </c>
    </row>
    <row r="779" spans="1:8" ht="15" customHeight="1" x14ac:dyDescent="0.2">
      <c r="A779" s="49"/>
      <c r="B779" s="20"/>
      <c r="C779" s="20"/>
      <c r="D779" s="20"/>
      <c r="E779" s="20"/>
      <c r="F779" s="20"/>
      <c r="G779" s="21" t="s">
        <v>4279</v>
      </c>
      <c r="H779" s="20"/>
    </row>
    <row r="780" spans="1:8" ht="21.75" customHeight="1" x14ac:dyDescent="0.2">
      <c r="A780" s="49">
        <v>398</v>
      </c>
      <c r="B780" s="18" t="s">
        <v>1838</v>
      </c>
      <c r="C780" s="18" t="s">
        <v>1871</v>
      </c>
      <c r="D780" s="18" t="s">
        <v>1872</v>
      </c>
      <c r="E780" s="18" t="s">
        <v>1873</v>
      </c>
      <c r="F780" s="18" t="s">
        <v>1874</v>
      </c>
      <c r="G780" s="18" t="s">
        <v>1875</v>
      </c>
      <c r="H780" s="18" t="s">
        <v>4280</v>
      </c>
    </row>
    <row r="781" spans="1:8" ht="15" customHeight="1" x14ac:dyDescent="0.2">
      <c r="A781" s="49"/>
      <c r="B781" s="20"/>
      <c r="C781" s="20"/>
      <c r="D781" s="20"/>
      <c r="E781" s="20"/>
      <c r="F781" s="20"/>
      <c r="G781" s="21" t="s">
        <v>4281</v>
      </c>
      <c r="H781" s="20"/>
    </row>
    <row r="782" spans="1:8" ht="21.75" customHeight="1" x14ac:dyDescent="0.2">
      <c r="A782" s="49">
        <v>399</v>
      </c>
      <c r="B782" s="18" t="s">
        <v>1838</v>
      </c>
      <c r="C782" s="18" t="s">
        <v>1876</v>
      </c>
      <c r="D782" s="18" t="s">
        <v>1877</v>
      </c>
      <c r="E782" s="18" t="s">
        <v>1878</v>
      </c>
      <c r="F782" s="18" t="s">
        <v>1879</v>
      </c>
      <c r="G782" s="18" t="s">
        <v>1880</v>
      </c>
      <c r="H782" s="18" t="s">
        <v>4282</v>
      </c>
    </row>
    <row r="783" spans="1:8" ht="15" customHeight="1" x14ac:dyDescent="0.2">
      <c r="A783" s="49"/>
      <c r="B783" s="20"/>
      <c r="C783" s="20"/>
      <c r="D783" s="20"/>
      <c r="E783" s="20"/>
      <c r="F783" s="20"/>
      <c r="G783" s="21" t="s">
        <v>4283</v>
      </c>
      <c r="H783" s="20"/>
    </row>
    <row r="784" spans="1:8" ht="21.75" customHeight="1" x14ac:dyDescent="0.2">
      <c r="A784" s="49">
        <v>400</v>
      </c>
      <c r="B784" s="18" t="s">
        <v>1838</v>
      </c>
      <c r="C784" s="18" t="s">
        <v>1881</v>
      </c>
      <c r="D784" s="18" t="s">
        <v>1882</v>
      </c>
      <c r="E784" s="18" t="s">
        <v>1883</v>
      </c>
      <c r="F784" s="18" t="s">
        <v>1884</v>
      </c>
      <c r="G784" s="18" t="s">
        <v>1885</v>
      </c>
      <c r="H784" s="23" t="s">
        <v>3244</v>
      </c>
    </row>
    <row r="785" spans="1:8" ht="15" customHeight="1" x14ac:dyDescent="0.2">
      <c r="A785" s="49"/>
      <c r="B785" s="20"/>
      <c r="C785" s="20"/>
      <c r="D785" s="20"/>
      <c r="E785" s="20"/>
      <c r="F785" s="20"/>
      <c r="G785" s="29" t="s">
        <v>3244</v>
      </c>
      <c r="H785" s="20"/>
    </row>
    <row r="786" spans="1:8" ht="21.75" customHeight="1" x14ac:dyDescent="0.2">
      <c r="A786" s="49">
        <v>401</v>
      </c>
      <c r="B786" s="18" t="s">
        <v>1838</v>
      </c>
      <c r="C786" s="18" t="s">
        <v>1886</v>
      </c>
      <c r="D786" s="18" t="s">
        <v>1887</v>
      </c>
      <c r="E786" s="18" t="s">
        <v>1888</v>
      </c>
      <c r="F786" s="18" t="s">
        <v>1889</v>
      </c>
      <c r="G786" s="18" t="s">
        <v>1890</v>
      </c>
      <c r="H786" s="18" t="s">
        <v>4284</v>
      </c>
    </row>
    <row r="787" spans="1:8" ht="15" customHeight="1" x14ac:dyDescent="0.2">
      <c r="A787" s="49"/>
      <c r="B787" s="20"/>
      <c r="C787" s="20"/>
      <c r="D787" s="20"/>
      <c r="E787" s="20"/>
      <c r="F787" s="20"/>
      <c r="G787" s="21" t="s">
        <v>4284</v>
      </c>
      <c r="H787" s="20"/>
    </row>
    <row r="788" spans="1:8" ht="21.75" customHeight="1" x14ac:dyDescent="0.2">
      <c r="A788" s="49">
        <v>402</v>
      </c>
      <c r="B788" s="18" t="s">
        <v>1838</v>
      </c>
      <c r="C788" s="18" t="s">
        <v>1891</v>
      </c>
      <c r="D788" s="18" t="s">
        <v>1892</v>
      </c>
      <c r="E788" s="18" t="s">
        <v>1893</v>
      </c>
      <c r="F788" s="18" t="s">
        <v>1894</v>
      </c>
      <c r="G788" s="18" t="s">
        <v>1895</v>
      </c>
      <c r="H788" s="18" t="s">
        <v>4285</v>
      </c>
    </row>
    <row r="789" spans="1:8" ht="15" customHeight="1" x14ac:dyDescent="0.2">
      <c r="A789" s="49"/>
      <c r="B789" s="20"/>
      <c r="C789" s="20"/>
      <c r="D789" s="20"/>
      <c r="E789" s="20"/>
      <c r="F789" s="20"/>
      <c r="G789" s="21" t="s">
        <v>4286</v>
      </c>
      <c r="H789" s="20"/>
    </row>
    <row r="790" spans="1:8" ht="21.75" customHeight="1" x14ac:dyDescent="0.2">
      <c r="A790" s="49">
        <v>403</v>
      </c>
      <c r="B790" s="18" t="s">
        <v>1838</v>
      </c>
      <c r="C790" s="18" t="s">
        <v>1896</v>
      </c>
      <c r="D790" s="18" t="s">
        <v>1897</v>
      </c>
      <c r="E790" s="18" t="s">
        <v>1898</v>
      </c>
      <c r="F790" s="18" t="s">
        <v>1899</v>
      </c>
      <c r="G790" s="18" t="s">
        <v>1900</v>
      </c>
      <c r="H790" s="18" t="s">
        <v>4287</v>
      </c>
    </row>
    <row r="791" spans="1:8" ht="15" customHeight="1" x14ac:dyDescent="0.2">
      <c r="A791" s="49"/>
      <c r="B791" s="20"/>
      <c r="C791" s="20"/>
      <c r="D791" s="20"/>
      <c r="E791" s="20"/>
      <c r="F791" s="20"/>
      <c r="G791" s="21" t="s">
        <v>4288</v>
      </c>
      <c r="H791" s="20"/>
    </row>
    <row r="792" spans="1:8" ht="21.75" customHeight="1" x14ac:dyDescent="0.2">
      <c r="A792" s="49">
        <v>404</v>
      </c>
      <c r="B792" s="18" t="s">
        <v>1838</v>
      </c>
      <c r="C792" s="18" t="s">
        <v>1901</v>
      </c>
      <c r="D792" s="18" t="s">
        <v>1902</v>
      </c>
      <c r="E792" s="18" t="s">
        <v>1903</v>
      </c>
      <c r="F792" s="18" t="s">
        <v>1904</v>
      </c>
      <c r="G792" s="18" t="s">
        <v>1905</v>
      </c>
      <c r="H792" s="18" t="s">
        <v>4289</v>
      </c>
    </row>
    <row r="793" spans="1:8" ht="15" customHeight="1" x14ac:dyDescent="0.2">
      <c r="A793" s="49"/>
      <c r="B793" s="20"/>
      <c r="C793" s="20"/>
      <c r="D793" s="20"/>
      <c r="E793" s="20"/>
      <c r="F793" s="20"/>
      <c r="G793" s="21" t="s">
        <v>4289</v>
      </c>
      <c r="H793" s="20"/>
    </row>
    <row r="794" spans="1:8" ht="21.75" customHeight="1" x14ac:dyDescent="0.2">
      <c r="A794" s="49">
        <v>405</v>
      </c>
      <c r="B794" s="18" t="s">
        <v>1838</v>
      </c>
      <c r="C794" s="18" t="s">
        <v>1906</v>
      </c>
      <c r="D794" s="18" t="s">
        <v>1907</v>
      </c>
      <c r="E794" s="18" t="s">
        <v>1908</v>
      </c>
      <c r="F794" s="18" t="s">
        <v>1909</v>
      </c>
      <c r="G794" s="18" t="s">
        <v>1910</v>
      </c>
      <c r="H794" s="18" t="s">
        <v>4290</v>
      </c>
    </row>
    <row r="795" spans="1:8" ht="15" customHeight="1" x14ac:dyDescent="0.2">
      <c r="A795" s="49"/>
      <c r="B795" s="20"/>
      <c r="C795" s="20"/>
      <c r="D795" s="20"/>
      <c r="E795" s="20"/>
      <c r="F795" s="20"/>
      <c r="G795" s="21" t="s">
        <v>4290</v>
      </c>
      <c r="H795" s="20"/>
    </row>
    <row r="796" spans="1:8" ht="21.75" customHeight="1" x14ac:dyDescent="0.2">
      <c r="A796" s="49">
        <v>406</v>
      </c>
      <c r="B796" s="18" t="s">
        <v>1838</v>
      </c>
      <c r="C796" s="18" t="s">
        <v>1911</v>
      </c>
      <c r="D796" s="18" t="s">
        <v>1912</v>
      </c>
      <c r="E796" s="18" t="s">
        <v>1913</v>
      </c>
      <c r="F796" s="18" t="s">
        <v>1914</v>
      </c>
      <c r="G796" s="18" t="s">
        <v>1915</v>
      </c>
      <c r="H796" s="18" t="s">
        <v>4291</v>
      </c>
    </row>
    <row r="797" spans="1:8" ht="15" customHeight="1" x14ac:dyDescent="0.2">
      <c r="A797" s="49"/>
      <c r="B797" s="20"/>
      <c r="C797" s="20"/>
      <c r="D797" s="20"/>
      <c r="E797" s="20"/>
      <c r="F797" s="20"/>
      <c r="G797" s="21" t="s">
        <v>4292</v>
      </c>
      <c r="H797" s="20"/>
    </row>
    <row r="798" spans="1:8" ht="21.75" customHeight="1" x14ac:dyDescent="0.2">
      <c r="A798" s="49">
        <v>407</v>
      </c>
      <c r="B798" s="18" t="s">
        <v>1838</v>
      </c>
      <c r="C798" s="18" t="s">
        <v>1916</v>
      </c>
      <c r="D798" s="18" t="s">
        <v>1840</v>
      </c>
      <c r="E798" s="18" t="s">
        <v>1917</v>
      </c>
      <c r="F798" s="18" t="s">
        <v>1918</v>
      </c>
      <c r="G798" s="18" t="s">
        <v>1919</v>
      </c>
      <c r="H798" s="18" t="s">
        <v>4293</v>
      </c>
    </row>
    <row r="799" spans="1:8" ht="15" customHeight="1" x14ac:dyDescent="0.2">
      <c r="A799" s="49"/>
      <c r="B799" s="20"/>
      <c r="C799" s="20"/>
      <c r="D799" s="20"/>
      <c r="E799" s="20"/>
      <c r="F799" s="20"/>
      <c r="G799" s="21" t="s">
        <v>4293</v>
      </c>
      <c r="H799" s="20"/>
    </row>
    <row r="800" spans="1:8" ht="21.75" customHeight="1" x14ac:dyDescent="0.2">
      <c r="A800" s="49">
        <v>408</v>
      </c>
      <c r="B800" s="18" t="s">
        <v>1838</v>
      </c>
      <c r="C800" s="18" t="s">
        <v>1920</v>
      </c>
      <c r="D800" s="18" t="s">
        <v>1921</v>
      </c>
      <c r="E800" s="18" t="s">
        <v>1922</v>
      </c>
      <c r="F800" s="18" t="s">
        <v>1923</v>
      </c>
      <c r="G800" s="18" t="s">
        <v>1924</v>
      </c>
      <c r="H800" s="18" t="s">
        <v>4802</v>
      </c>
    </row>
    <row r="801" spans="1:8" ht="15" customHeight="1" x14ac:dyDescent="0.2">
      <c r="A801" s="49"/>
      <c r="B801" s="20"/>
      <c r="C801" s="20"/>
      <c r="D801" s="20"/>
      <c r="E801" s="20"/>
      <c r="F801" s="20"/>
      <c r="G801" s="20" t="s">
        <v>4294</v>
      </c>
      <c r="H801" s="20"/>
    </row>
    <row r="802" spans="1:8" ht="21.75" customHeight="1" x14ac:dyDescent="0.2">
      <c r="A802" s="49">
        <v>409</v>
      </c>
      <c r="B802" s="18" t="s">
        <v>1838</v>
      </c>
      <c r="C802" s="18" t="s">
        <v>1925</v>
      </c>
      <c r="D802" s="18" t="s">
        <v>1926</v>
      </c>
      <c r="E802" s="18" t="s">
        <v>1927</v>
      </c>
      <c r="F802" s="18" t="s">
        <v>1928</v>
      </c>
      <c r="G802" s="25" t="s">
        <v>1929</v>
      </c>
      <c r="H802" s="18" t="s">
        <v>4295</v>
      </c>
    </row>
    <row r="803" spans="1:8" ht="15" customHeight="1" x14ac:dyDescent="0.2">
      <c r="A803" s="49"/>
      <c r="B803" s="20"/>
      <c r="C803" s="20"/>
      <c r="D803" s="20"/>
      <c r="E803" s="20"/>
      <c r="F803" s="20"/>
      <c r="G803" s="21" t="s">
        <v>3795</v>
      </c>
      <c r="H803" s="20"/>
    </row>
    <row r="804" spans="1:8" ht="21.75" customHeight="1" x14ac:dyDescent="0.2">
      <c r="A804" s="49">
        <v>410</v>
      </c>
      <c r="B804" s="18" t="s">
        <v>1930</v>
      </c>
      <c r="C804" s="18" t="s">
        <v>1931</v>
      </c>
      <c r="D804" s="18" t="s">
        <v>1932</v>
      </c>
      <c r="E804" s="18" t="s">
        <v>1933</v>
      </c>
      <c r="F804" s="18" t="s">
        <v>1934</v>
      </c>
      <c r="G804" s="18" t="s">
        <v>1935</v>
      </c>
      <c r="H804" s="18" t="s">
        <v>4803</v>
      </c>
    </row>
    <row r="805" spans="1:8" ht="15" customHeight="1" x14ac:dyDescent="0.2">
      <c r="A805" s="49"/>
      <c r="B805" s="20"/>
      <c r="C805" s="20"/>
      <c r="D805" s="20"/>
      <c r="E805" s="20"/>
      <c r="F805" s="20"/>
      <c r="G805" s="21" t="s">
        <v>4891</v>
      </c>
      <c r="H805" s="20"/>
    </row>
    <row r="806" spans="1:8" ht="21.75" customHeight="1" x14ac:dyDescent="0.2">
      <c r="A806" s="49">
        <v>411</v>
      </c>
      <c r="B806" s="18" t="s">
        <v>1930</v>
      </c>
      <c r="C806" s="18" t="s">
        <v>4804</v>
      </c>
      <c r="D806" s="18" t="s">
        <v>1936</v>
      </c>
      <c r="E806" s="18" t="s">
        <v>1937</v>
      </c>
      <c r="F806" s="18" t="s">
        <v>1938</v>
      </c>
      <c r="G806" s="18" t="s">
        <v>1939</v>
      </c>
      <c r="H806" s="23" t="s">
        <v>3245</v>
      </c>
    </row>
    <row r="807" spans="1:8" ht="15" customHeight="1" x14ac:dyDescent="0.2">
      <c r="A807" s="49"/>
      <c r="B807" s="20"/>
      <c r="C807" s="20"/>
      <c r="D807" s="20"/>
      <c r="E807" s="20"/>
      <c r="F807" s="20"/>
      <c r="G807" s="21" t="s">
        <v>4805</v>
      </c>
      <c r="H807" s="20"/>
    </row>
    <row r="808" spans="1:8" ht="21.75" customHeight="1" x14ac:dyDescent="0.2">
      <c r="A808" s="49">
        <v>412</v>
      </c>
      <c r="B808" s="18" t="s">
        <v>1930</v>
      </c>
      <c r="C808" s="18" t="s">
        <v>1940</v>
      </c>
      <c r="D808" s="18" t="s">
        <v>1941</v>
      </c>
      <c r="E808" s="18" t="s">
        <v>1942</v>
      </c>
      <c r="F808" s="18" t="s">
        <v>1943</v>
      </c>
      <c r="G808" s="18" t="s">
        <v>1944</v>
      </c>
      <c r="H808" s="18" t="s">
        <v>4296</v>
      </c>
    </row>
    <row r="809" spans="1:8" ht="15" customHeight="1" x14ac:dyDescent="0.2">
      <c r="A809" s="49"/>
      <c r="B809" s="20"/>
      <c r="C809" s="20"/>
      <c r="D809" s="20"/>
      <c r="E809" s="20"/>
      <c r="F809" s="20"/>
      <c r="G809" s="21" t="s">
        <v>4297</v>
      </c>
      <c r="H809" s="20"/>
    </row>
    <row r="810" spans="1:8" ht="21.75" customHeight="1" x14ac:dyDescent="0.2">
      <c r="A810" s="49">
        <v>413</v>
      </c>
      <c r="B810" s="18" t="s">
        <v>1930</v>
      </c>
      <c r="C810" s="18" t="s">
        <v>1945</v>
      </c>
      <c r="D810" s="18" t="s">
        <v>1946</v>
      </c>
      <c r="E810" s="18" t="s">
        <v>1947</v>
      </c>
      <c r="F810" s="18" t="s">
        <v>1948</v>
      </c>
      <c r="G810" s="18" t="s">
        <v>1949</v>
      </c>
      <c r="H810" s="18" t="s">
        <v>4298</v>
      </c>
    </row>
    <row r="811" spans="1:8" ht="15" customHeight="1" x14ac:dyDescent="0.2">
      <c r="A811" s="49"/>
      <c r="B811" s="20"/>
      <c r="C811" s="20"/>
      <c r="D811" s="20"/>
      <c r="E811" s="20"/>
      <c r="F811" s="20"/>
      <c r="G811" s="21" t="s">
        <v>4299</v>
      </c>
      <c r="H811" s="20"/>
    </row>
    <row r="812" spans="1:8" ht="21.75" customHeight="1" x14ac:dyDescent="0.2">
      <c r="A812" s="49">
        <v>414</v>
      </c>
      <c r="B812" s="18" t="s">
        <v>1930</v>
      </c>
      <c r="C812" s="18" t="s">
        <v>1950</v>
      </c>
      <c r="D812" s="18" t="s">
        <v>1951</v>
      </c>
      <c r="E812" s="18" t="s">
        <v>1952</v>
      </c>
      <c r="F812" s="18" t="s">
        <v>1953</v>
      </c>
      <c r="G812" s="18" t="s">
        <v>1954</v>
      </c>
      <c r="H812" s="18" t="s">
        <v>4300</v>
      </c>
    </row>
    <row r="813" spans="1:8" ht="15" customHeight="1" x14ac:dyDescent="0.2">
      <c r="A813" s="49"/>
      <c r="B813" s="20"/>
      <c r="C813" s="20"/>
      <c r="D813" s="20"/>
      <c r="E813" s="20"/>
      <c r="F813" s="20"/>
      <c r="G813" s="21" t="s">
        <v>4301</v>
      </c>
      <c r="H813" s="20"/>
    </row>
    <row r="814" spans="1:8" ht="21.75" customHeight="1" x14ac:dyDescent="0.2">
      <c r="A814" s="49">
        <v>415</v>
      </c>
      <c r="B814" s="18" t="s">
        <v>1930</v>
      </c>
      <c r="C814" s="18" t="s">
        <v>1955</v>
      </c>
      <c r="D814" s="18" t="s">
        <v>1956</v>
      </c>
      <c r="E814" s="18" t="s">
        <v>1957</v>
      </c>
      <c r="F814" s="18" t="s">
        <v>1958</v>
      </c>
      <c r="G814" s="18" t="s">
        <v>1959</v>
      </c>
      <c r="H814" s="18" t="s">
        <v>4302</v>
      </c>
    </row>
    <row r="815" spans="1:8" ht="15" customHeight="1" x14ac:dyDescent="0.2">
      <c r="A815" s="49"/>
      <c r="B815" s="20"/>
      <c r="C815" s="20"/>
      <c r="D815" s="20"/>
      <c r="E815" s="20"/>
      <c r="F815" s="20"/>
      <c r="G815" s="21" t="s">
        <v>4303</v>
      </c>
      <c r="H815" s="20"/>
    </row>
    <row r="816" spans="1:8" ht="21.75" customHeight="1" x14ac:dyDescent="0.2">
      <c r="A816" s="49">
        <v>416</v>
      </c>
      <c r="B816" s="18" t="s">
        <v>1930</v>
      </c>
      <c r="C816" s="18" t="s">
        <v>4806</v>
      </c>
      <c r="D816" s="18" t="s">
        <v>1936</v>
      </c>
      <c r="E816" s="18" t="s">
        <v>1960</v>
      </c>
      <c r="F816" s="18" t="s">
        <v>1961</v>
      </c>
      <c r="G816" s="18" t="s">
        <v>1939</v>
      </c>
      <c r="H816" s="23" t="s">
        <v>4805</v>
      </c>
    </row>
    <row r="817" spans="1:8" ht="15" customHeight="1" x14ac:dyDescent="0.2">
      <c r="A817" s="49"/>
      <c r="B817" s="20"/>
      <c r="C817" s="20"/>
      <c r="D817" s="20"/>
      <c r="E817" s="20"/>
      <c r="F817" s="20"/>
      <c r="G817" s="21" t="s">
        <v>4805</v>
      </c>
      <c r="H817" s="20"/>
    </row>
    <row r="818" spans="1:8" ht="21.75" customHeight="1" x14ac:dyDescent="0.2">
      <c r="A818" s="49">
        <v>417</v>
      </c>
      <c r="B818" s="18" t="s">
        <v>1930</v>
      </c>
      <c r="C818" s="18" t="s">
        <v>1962</v>
      </c>
      <c r="D818" s="18" t="s">
        <v>1963</v>
      </c>
      <c r="E818" s="18" t="s">
        <v>1964</v>
      </c>
      <c r="F818" s="18" t="s">
        <v>1965</v>
      </c>
      <c r="G818" s="18" t="s">
        <v>1966</v>
      </c>
      <c r="H818" s="18" t="s">
        <v>4304</v>
      </c>
    </row>
    <row r="819" spans="1:8" ht="15" customHeight="1" x14ac:dyDescent="0.2">
      <c r="A819" s="49"/>
      <c r="B819" s="20"/>
      <c r="C819" s="20"/>
      <c r="D819" s="20"/>
      <c r="E819" s="20"/>
      <c r="F819" s="20"/>
      <c r="G819" s="21" t="s">
        <v>4305</v>
      </c>
      <c r="H819" s="20"/>
    </row>
    <row r="820" spans="1:8" ht="21.75" customHeight="1" x14ac:dyDescent="0.2">
      <c r="A820" s="49">
        <v>418</v>
      </c>
      <c r="B820" s="18" t="s">
        <v>1930</v>
      </c>
      <c r="C820" s="18" t="s">
        <v>1967</v>
      </c>
      <c r="D820" s="18" t="s">
        <v>1968</v>
      </c>
      <c r="E820" s="18" t="s">
        <v>1969</v>
      </c>
      <c r="F820" s="18" t="s">
        <v>1970</v>
      </c>
      <c r="G820" s="18" t="s">
        <v>1971</v>
      </c>
      <c r="H820" s="18" t="s">
        <v>4807</v>
      </c>
    </row>
    <row r="821" spans="1:8" ht="15" customHeight="1" x14ac:dyDescent="0.2">
      <c r="A821" s="49"/>
      <c r="B821" s="20"/>
      <c r="C821" s="20"/>
      <c r="D821" s="20"/>
      <c r="E821" s="20"/>
      <c r="F821" s="20"/>
      <c r="G821" s="21" t="s">
        <v>4306</v>
      </c>
      <c r="H821" s="20"/>
    </row>
    <row r="822" spans="1:8" ht="21.75" customHeight="1" x14ac:dyDescent="0.2">
      <c r="A822" s="49">
        <v>419</v>
      </c>
      <c r="B822" s="18" t="s">
        <v>1930</v>
      </c>
      <c r="C822" s="18" t="s">
        <v>1972</v>
      </c>
      <c r="D822" s="18" t="s">
        <v>1973</v>
      </c>
      <c r="E822" s="18" t="s">
        <v>1974</v>
      </c>
      <c r="F822" s="18" t="s">
        <v>1975</v>
      </c>
      <c r="G822" s="18" t="s">
        <v>1976</v>
      </c>
      <c r="H822" s="18" t="s">
        <v>4307</v>
      </c>
    </row>
    <row r="823" spans="1:8" ht="15" customHeight="1" x14ac:dyDescent="0.2">
      <c r="A823" s="49"/>
      <c r="B823" s="20"/>
      <c r="C823" s="20"/>
      <c r="D823" s="20"/>
      <c r="E823" s="20"/>
      <c r="F823" s="20"/>
      <c r="G823" s="21" t="s">
        <v>4308</v>
      </c>
      <c r="H823" s="20"/>
    </row>
    <row r="824" spans="1:8" ht="21.6" customHeight="1" x14ac:dyDescent="0.2">
      <c r="A824" s="49">
        <v>420</v>
      </c>
      <c r="B824" s="18" t="s">
        <v>1930</v>
      </c>
      <c r="C824" s="18" t="s">
        <v>1977</v>
      </c>
      <c r="D824" s="18" t="s">
        <v>1978</v>
      </c>
      <c r="E824" s="18" t="s">
        <v>1979</v>
      </c>
      <c r="F824" s="18" t="s">
        <v>1980</v>
      </c>
      <c r="G824" s="18" t="s">
        <v>1981</v>
      </c>
      <c r="H824" s="18" t="s">
        <v>4309</v>
      </c>
    </row>
    <row r="825" spans="1:8" ht="15" customHeight="1" x14ac:dyDescent="0.2">
      <c r="A825" s="49"/>
      <c r="B825" s="20"/>
      <c r="C825" s="20"/>
      <c r="D825" s="20"/>
      <c r="E825" s="20"/>
      <c r="F825" s="20"/>
      <c r="G825" s="21" t="s">
        <v>4310</v>
      </c>
      <c r="H825" s="20"/>
    </row>
    <row r="826" spans="1:8" ht="21.75" customHeight="1" x14ac:dyDescent="0.2">
      <c r="A826" s="49">
        <v>421</v>
      </c>
      <c r="B826" s="18" t="s">
        <v>1930</v>
      </c>
      <c r="C826" s="18" t="s">
        <v>1982</v>
      </c>
      <c r="D826" s="18" t="s">
        <v>1983</v>
      </c>
      <c r="E826" s="18" t="s">
        <v>1984</v>
      </c>
      <c r="F826" s="18" t="s">
        <v>1985</v>
      </c>
      <c r="G826" s="18" t="s">
        <v>1986</v>
      </c>
      <c r="H826" s="18" t="s">
        <v>4311</v>
      </c>
    </row>
    <row r="827" spans="1:8" ht="15" customHeight="1" x14ac:dyDescent="0.2">
      <c r="A827" s="49"/>
      <c r="B827" s="20"/>
      <c r="C827" s="20"/>
      <c r="D827" s="20"/>
      <c r="E827" s="20"/>
      <c r="F827" s="20"/>
      <c r="G827" s="21" t="s">
        <v>4311</v>
      </c>
      <c r="H827" s="20"/>
    </row>
    <row r="828" spans="1:8" ht="21.75" customHeight="1" x14ac:dyDescent="0.2">
      <c r="A828" s="49">
        <v>422</v>
      </c>
      <c r="B828" s="18" t="s">
        <v>1930</v>
      </c>
      <c r="C828" s="18" t="s">
        <v>1987</v>
      </c>
      <c r="D828" s="18" t="s">
        <v>1988</v>
      </c>
      <c r="E828" s="18" t="s">
        <v>1989</v>
      </c>
      <c r="F828" s="18" t="s">
        <v>1990</v>
      </c>
      <c r="G828" s="18" t="s">
        <v>1991</v>
      </c>
      <c r="H828" s="18" t="s">
        <v>4312</v>
      </c>
    </row>
    <row r="829" spans="1:8" ht="15" customHeight="1" x14ac:dyDescent="0.2">
      <c r="A829" s="49"/>
      <c r="B829" s="20"/>
      <c r="C829" s="20"/>
      <c r="D829" s="20"/>
      <c r="E829" s="20"/>
      <c r="F829" s="20"/>
      <c r="G829" s="21" t="s">
        <v>4313</v>
      </c>
      <c r="H829" s="20"/>
    </row>
    <row r="830" spans="1:8" ht="21.75" customHeight="1" x14ac:dyDescent="0.2">
      <c r="A830" s="49">
        <v>423</v>
      </c>
      <c r="B830" s="18" t="s">
        <v>1930</v>
      </c>
      <c r="C830" s="18" t="s">
        <v>1992</v>
      </c>
      <c r="D830" s="18" t="s">
        <v>1993</v>
      </c>
      <c r="E830" s="18" t="s">
        <v>1994</v>
      </c>
      <c r="F830" s="18" t="s">
        <v>1995</v>
      </c>
      <c r="G830" s="18" t="s">
        <v>1996</v>
      </c>
      <c r="H830" s="18" t="s">
        <v>4314</v>
      </c>
    </row>
    <row r="831" spans="1:8" ht="15" customHeight="1" x14ac:dyDescent="0.2">
      <c r="A831" s="49"/>
      <c r="B831" s="20"/>
      <c r="C831" s="20"/>
      <c r="D831" s="20"/>
      <c r="E831" s="20"/>
      <c r="F831" s="20"/>
      <c r="G831" s="21" t="s">
        <v>4315</v>
      </c>
      <c r="H831" s="20"/>
    </row>
    <row r="832" spans="1:8" ht="21.75" customHeight="1" x14ac:dyDescent="0.2">
      <c r="A832" s="49">
        <v>424</v>
      </c>
      <c r="B832" s="18" t="s">
        <v>1930</v>
      </c>
      <c r="C832" s="18" t="s">
        <v>1997</v>
      </c>
      <c r="D832" s="18" t="s">
        <v>1998</v>
      </c>
      <c r="E832" s="18" t="s">
        <v>1999</v>
      </c>
      <c r="F832" s="18" t="s">
        <v>2000</v>
      </c>
      <c r="G832" s="18" t="s">
        <v>2001</v>
      </c>
      <c r="H832" s="18" t="s">
        <v>4316</v>
      </c>
    </row>
    <row r="833" spans="1:8" ht="15" customHeight="1" x14ac:dyDescent="0.2">
      <c r="A833" s="49"/>
      <c r="B833" s="20"/>
      <c r="C833" s="20"/>
      <c r="D833" s="20"/>
      <c r="E833" s="20"/>
      <c r="F833" s="20"/>
      <c r="G833" s="21" t="s">
        <v>4317</v>
      </c>
      <c r="H833" s="20"/>
    </row>
    <row r="834" spans="1:8" ht="21.75" customHeight="1" x14ac:dyDescent="0.2">
      <c r="A834" s="49">
        <v>425</v>
      </c>
      <c r="B834" s="18" t="s">
        <v>1930</v>
      </c>
      <c r="C834" s="18" t="s">
        <v>2002</v>
      </c>
      <c r="D834" s="18" t="s">
        <v>1983</v>
      </c>
      <c r="E834" s="18" t="s">
        <v>2003</v>
      </c>
      <c r="F834" s="18" t="s">
        <v>2004</v>
      </c>
      <c r="G834" s="18" t="s">
        <v>2005</v>
      </c>
      <c r="H834" s="18" t="s">
        <v>4318</v>
      </c>
    </row>
    <row r="835" spans="1:8" ht="15" customHeight="1" x14ac:dyDescent="0.2">
      <c r="A835" s="49"/>
      <c r="B835" s="20"/>
      <c r="C835" s="20"/>
      <c r="D835" s="20"/>
      <c r="E835" s="20"/>
      <c r="F835" s="20"/>
      <c r="G835" s="21" t="s">
        <v>4319</v>
      </c>
      <c r="H835" s="20"/>
    </row>
    <row r="836" spans="1:8" ht="21.75" customHeight="1" x14ac:dyDescent="0.2">
      <c r="A836" s="49">
        <v>426</v>
      </c>
      <c r="B836" s="18" t="s">
        <v>1930</v>
      </c>
      <c r="C836" s="18" t="s">
        <v>2006</v>
      </c>
      <c r="D836" s="18" t="s">
        <v>2007</v>
      </c>
      <c r="E836" s="18" t="s">
        <v>2008</v>
      </c>
      <c r="F836" s="18" t="s">
        <v>2009</v>
      </c>
      <c r="G836" s="18" t="s">
        <v>2010</v>
      </c>
      <c r="H836" s="18" t="s">
        <v>4320</v>
      </c>
    </row>
    <row r="837" spans="1:8" ht="15" customHeight="1" x14ac:dyDescent="0.2">
      <c r="A837" s="49"/>
      <c r="B837" s="20"/>
      <c r="C837" s="20"/>
      <c r="D837" s="20"/>
      <c r="E837" s="20"/>
      <c r="F837" s="20"/>
      <c r="G837" s="21" t="s">
        <v>4321</v>
      </c>
      <c r="H837" s="20"/>
    </row>
    <row r="838" spans="1:8" ht="21.75" customHeight="1" x14ac:dyDescent="0.2">
      <c r="A838" s="49">
        <v>427</v>
      </c>
      <c r="B838" s="18" t="s">
        <v>1930</v>
      </c>
      <c r="C838" s="18" t="s">
        <v>2011</v>
      </c>
      <c r="D838" s="18" t="s">
        <v>1993</v>
      </c>
      <c r="E838" s="18" t="s">
        <v>2012</v>
      </c>
      <c r="F838" s="18" t="s">
        <v>2013</v>
      </c>
      <c r="G838" s="18" t="s">
        <v>2014</v>
      </c>
      <c r="H838" s="18" t="s">
        <v>4322</v>
      </c>
    </row>
    <row r="839" spans="1:8" ht="15" customHeight="1" x14ac:dyDescent="0.2">
      <c r="A839" s="49"/>
      <c r="B839" s="20"/>
      <c r="C839" s="20"/>
      <c r="D839" s="20"/>
      <c r="E839" s="20"/>
      <c r="F839" s="20"/>
      <c r="G839" s="21" t="s">
        <v>4323</v>
      </c>
      <c r="H839" s="20"/>
    </row>
    <row r="840" spans="1:8" ht="21.75" customHeight="1" x14ac:dyDescent="0.2">
      <c r="A840" s="49">
        <v>428</v>
      </c>
      <c r="B840" s="18" t="s">
        <v>1930</v>
      </c>
      <c r="C840" s="18" t="s">
        <v>2015</v>
      </c>
      <c r="D840" s="18" t="s">
        <v>1978</v>
      </c>
      <c r="E840" s="18" t="s">
        <v>2016</v>
      </c>
      <c r="F840" s="18" t="s">
        <v>2017</v>
      </c>
      <c r="G840" s="18" t="s">
        <v>2018</v>
      </c>
      <c r="H840" s="18" t="s">
        <v>4324</v>
      </c>
    </row>
    <row r="841" spans="1:8" ht="15" customHeight="1" x14ac:dyDescent="0.2">
      <c r="A841" s="49"/>
      <c r="B841" s="20"/>
      <c r="C841" s="20"/>
      <c r="D841" s="20"/>
      <c r="E841" s="20"/>
      <c r="F841" s="20"/>
      <c r="G841" s="21" t="s">
        <v>4325</v>
      </c>
      <c r="H841" s="20"/>
    </row>
    <row r="842" spans="1:8" ht="21.75" customHeight="1" x14ac:dyDescent="0.2">
      <c r="A842" s="49">
        <v>429</v>
      </c>
      <c r="B842" s="18" t="s">
        <v>1930</v>
      </c>
      <c r="C842" s="18" t="s">
        <v>2019</v>
      </c>
      <c r="D842" s="18" t="s">
        <v>2020</v>
      </c>
      <c r="E842" s="18" t="s">
        <v>2021</v>
      </c>
      <c r="F842" s="18" t="s">
        <v>2022</v>
      </c>
      <c r="G842" s="18" t="s">
        <v>2023</v>
      </c>
      <c r="H842" s="18" t="s">
        <v>4326</v>
      </c>
    </row>
    <row r="843" spans="1:8" ht="15" customHeight="1" x14ac:dyDescent="0.2">
      <c r="A843" s="49"/>
      <c r="B843" s="20"/>
      <c r="C843" s="20"/>
      <c r="D843" s="20"/>
      <c r="E843" s="20"/>
      <c r="F843" s="20"/>
      <c r="G843" s="21" t="s">
        <v>4327</v>
      </c>
      <c r="H843" s="20"/>
    </row>
    <row r="844" spans="1:8" ht="21.75" customHeight="1" x14ac:dyDescent="0.2">
      <c r="A844" s="49">
        <v>430</v>
      </c>
      <c r="B844" s="18" t="s">
        <v>1930</v>
      </c>
      <c r="C844" s="18" t="s">
        <v>2024</v>
      </c>
      <c r="D844" s="18" t="s">
        <v>2025</v>
      </c>
      <c r="E844" s="18" t="s">
        <v>2026</v>
      </c>
      <c r="F844" s="18" t="s">
        <v>2027</v>
      </c>
      <c r="G844" s="18" t="s">
        <v>2028</v>
      </c>
      <c r="H844" s="18" t="s">
        <v>2028</v>
      </c>
    </row>
    <row r="845" spans="1:8" ht="15" customHeight="1" x14ac:dyDescent="0.2">
      <c r="A845" s="49"/>
      <c r="B845" s="20"/>
      <c r="C845" s="20"/>
      <c r="D845" s="20"/>
      <c r="E845" s="20"/>
      <c r="F845" s="20"/>
      <c r="G845" s="21" t="s">
        <v>3745</v>
      </c>
      <c r="H845" s="20"/>
    </row>
    <row r="846" spans="1:8" ht="21.75" customHeight="1" x14ac:dyDescent="0.2">
      <c r="A846" s="49">
        <v>431</v>
      </c>
      <c r="B846" s="18" t="s">
        <v>1930</v>
      </c>
      <c r="C846" s="18" t="s">
        <v>2029</v>
      </c>
      <c r="D846" s="18" t="s">
        <v>2025</v>
      </c>
      <c r="E846" s="18" t="s">
        <v>2030</v>
      </c>
      <c r="F846" s="18" t="s">
        <v>2031</v>
      </c>
      <c r="G846" s="18" t="s">
        <v>2032</v>
      </c>
      <c r="H846" s="18" t="s">
        <v>2028</v>
      </c>
    </row>
    <row r="847" spans="1:8" ht="15" customHeight="1" x14ac:dyDescent="0.2">
      <c r="A847" s="49"/>
      <c r="B847" s="20"/>
      <c r="C847" s="20"/>
      <c r="D847" s="20"/>
      <c r="E847" s="20"/>
      <c r="F847" s="20"/>
      <c r="G847" s="21" t="s">
        <v>4328</v>
      </c>
      <c r="H847" s="20"/>
    </row>
    <row r="848" spans="1:8" ht="21.75" customHeight="1" x14ac:dyDescent="0.2">
      <c r="A848" s="49">
        <v>432</v>
      </c>
      <c r="B848" s="18" t="s">
        <v>1930</v>
      </c>
      <c r="C848" s="18" t="s">
        <v>2033</v>
      </c>
      <c r="D848" s="18" t="s">
        <v>2034</v>
      </c>
      <c r="E848" s="18" t="s">
        <v>2035</v>
      </c>
      <c r="F848" s="18" t="s">
        <v>2036</v>
      </c>
      <c r="G848" s="18" t="s">
        <v>2037</v>
      </c>
      <c r="H848" s="18" t="s">
        <v>4329</v>
      </c>
    </row>
    <row r="849" spans="1:8" ht="15" customHeight="1" x14ac:dyDescent="0.2">
      <c r="A849" s="49"/>
      <c r="B849" s="20"/>
      <c r="C849" s="20"/>
      <c r="D849" s="20"/>
      <c r="E849" s="20"/>
      <c r="F849" s="20"/>
      <c r="G849" s="21" t="s">
        <v>4330</v>
      </c>
      <c r="H849" s="20"/>
    </row>
    <row r="850" spans="1:8" ht="21.75" customHeight="1" x14ac:dyDescent="0.2">
      <c r="A850" s="49">
        <v>433</v>
      </c>
      <c r="B850" s="18" t="s">
        <v>1930</v>
      </c>
      <c r="C850" s="18" t="s">
        <v>2038</v>
      </c>
      <c r="D850" s="18" t="s">
        <v>1941</v>
      </c>
      <c r="E850" s="18" t="s">
        <v>2039</v>
      </c>
      <c r="F850" s="18" t="s">
        <v>2040</v>
      </c>
      <c r="G850" s="18" t="s">
        <v>2041</v>
      </c>
      <c r="H850" s="18" t="s">
        <v>4331</v>
      </c>
    </row>
    <row r="851" spans="1:8" ht="15" customHeight="1" x14ac:dyDescent="0.2">
      <c r="A851" s="49"/>
      <c r="B851" s="20"/>
      <c r="C851" s="20"/>
      <c r="D851" s="20"/>
      <c r="E851" s="20"/>
      <c r="F851" s="20"/>
      <c r="G851" s="30" t="s">
        <v>3246</v>
      </c>
      <c r="H851" s="20"/>
    </row>
    <row r="852" spans="1:8" ht="21.75" customHeight="1" x14ac:dyDescent="0.2">
      <c r="A852" s="49">
        <v>434</v>
      </c>
      <c r="B852" s="18" t="s">
        <v>1930</v>
      </c>
      <c r="C852" s="18" t="s">
        <v>2042</v>
      </c>
      <c r="D852" s="18" t="s">
        <v>2043</v>
      </c>
      <c r="E852" s="18" t="s">
        <v>2044</v>
      </c>
      <c r="F852" s="18" t="s">
        <v>2045</v>
      </c>
      <c r="G852" s="18" t="s">
        <v>2046</v>
      </c>
      <c r="H852" s="18" t="s">
        <v>4332</v>
      </c>
    </row>
    <row r="853" spans="1:8" ht="15" customHeight="1" x14ac:dyDescent="0.2">
      <c r="A853" s="49"/>
      <c r="B853" s="20"/>
      <c r="C853" s="20"/>
      <c r="D853" s="20"/>
      <c r="E853" s="20"/>
      <c r="F853" s="20"/>
      <c r="G853" s="21" t="s">
        <v>4333</v>
      </c>
      <c r="H853" s="20"/>
    </row>
    <row r="854" spans="1:8" ht="21.75" customHeight="1" x14ac:dyDescent="0.2">
      <c r="A854" s="49">
        <v>435</v>
      </c>
      <c r="B854" s="18" t="s">
        <v>1930</v>
      </c>
      <c r="C854" s="18" t="s">
        <v>2047</v>
      </c>
      <c r="D854" s="18" t="s">
        <v>2048</v>
      </c>
      <c r="E854" s="18" t="s">
        <v>2049</v>
      </c>
      <c r="F854" s="18" t="s">
        <v>2050</v>
      </c>
      <c r="G854" s="18" t="s">
        <v>2051</v>
      </c>
      <c r="H854" s="18" t="s">
        <v>4334</v>
      </c>
    </row>
    <row r="855" spans="1:8" ht="15" customHeight="1" x14ac:dyDescent="0.2">
      <c r="A855" s="49"/>
      <c r="B855" s="20"/>
      <c r="C855" s="20"/>
      <c r="D855" s="20"/>
      <c r="E855" s="20"/>
      <c r="F855" s="20"/>
      <c r="G855" s="21" t="s">
        <v>4335</v>
      </c>
      <c r="H855" s="20"/>
    </row>
    <row r="856" spans="1:8" ht="21.75" customHeight="1" x14ac:dyDescent="0.2">
      <c r="A856" s="49">
        <v>436</v>
      </c>
      <c r="B856" s="18" t="s">
        <v>1930</v>
      </c>
      <c r="C856" s="18" t="s">
        <v>2052</v>
      </c>
      <c r="D856" s="18" t="s">
        <v>2053</v>
      </c>
      <c r="E856" s="18" t="s">
        <v>2054</v>
      </c>
      <c r="F856" s="18" t="s">
        <v>2055</v>
      </c>
      <c r="G856" s="18" t="s">
        <v>2051</v>
      </c>
      <c r="H856" s="18" t="s">
        <v>4334</v>
      </c>
    </row>
    <row r="857" spans="1:8" ht="15" customHeight="1" x14ac:dyDescent="0.2">
      <c r="A857" s="49"/>
      <c r="B857" s="20"/>
      <c r="C857" s="20"/>
      <c r="D857" s="20"/>
      <c r="E857" s="20"/>
      <c r="F857" s="20"/>
      <c r="G857" s="21" t="s">
        <v>4335</v>
      </c>
      <c r="H857" s="20"/>
    </row>
    <row r="858" spans="1:8" ht="21.75" customHeight="1" x14ac:dyDescent="0.2">
      <c r="A858" s="49">
        <v>437</v>
      </c>
      <c r="B858" s="18" t="s">
        <v>1930</v>
      </c>
      <c r="C858" s="18" t="s">
        <v>2056</v>
      </c>
      <c r="D858" s="18" t="s">
        <v>2034</v>
      </c>
      <c r="E858" s="18" t="s">
        <v>2057</v>
      </c>
      <c r="F858" s="18" t="s">
        <v>2058</v>
      </c>
      <c r="G858" s="18" t="s">
        <v>2059</v>
      </c>
      <c r="H858" s="18" t="s">
        <v>4336</v>
      </c>
    </row>
    <row r="859" spans="1:8" ht="15" customHeight="1" x14ac:dyDescent="0.2">
      <c r="A859" s="49"/>
      <c r="B859" s="20"/>
      <c r="C859" s="20"/>
      <c r="D859" s="20"/>
      <c r="E859" s="20"/>
      <c r="F859" s="20"/>
      <c r="G859" s="21" t="s">
        <v>4337</v>
      </c>
      <c r="H859" s="20"/>
    </row>
    <row r="860" spans="1:8" ht="21.75" customHeight="1" x14ac:dyDescent="0.2">
      <c r="A860" s="49">
        <v>438</v>
      </c>
      <c r="B860" s="18" t="s">
        <v>1930</v>
      </c>
      <c r="C860" s="18" t="s">
        <v>2060</v>
      </c>
      <c r="D860" s="18" t="s">
        <v>2061</v>
      </c>
      <c r="E860" s="18" t="s">
        <v>2062</v>
      </c>
      <c r="F860" s="18" t="s">
        <v>2063</v>
      </c>
      <c r="G860" s="18" t="s">
        <v>2064</v>
      </c>
      <c r="H860" s="18" t="s">
        <v>4338</v>
      </c>
    </row>
    <row r="861" spans="1:8" ht="15" customHeight="1" x14ac:dyDescent="0.2">
      <c r="A861" s="49"/>
      <c r="B861" s="20"/>
      <c r="C861" s="20"/>
      <c r="D861" s="20"/>
      <c r="E861" s="20"/>
      <c r="F861" s="20"/>
      <c r="G861" s="20" t="s">
        <v>4339</v>
      </c>
      <c r="H861" s="20"/>
    </row>
    <row r="862" spans="1:8" ht="21.75" customHeight="1" x14ac:dyDescent="0.2">
      <c r="A862" s="49">
        <v>439</v>
      </c>
      <c r="B862" s="18" t="s">
        <v>1930</v>
      </c>
      <c r="C862" s="18" t="s">
        <v>2065</v>
      </c>
      <c r="D862" s="18" t="s">
        <v>1956</v>
      </c>
      <c r="E862" s="18" t="s">
        <v>2066</v>
      </c>
      <c r="F862" s="18" t="s">
        <v>2067</v>
      </c>
      <c r="G862" s="25" t="s">
        <v>4903</v>
      </c>
      <c r="H862" s="18" t="s">
        <v>4340</v>
      </c>
    </row>
    <row r="863" spans="1:8" ht="15" customHeight="1" x14ac:dyDescent="0.2">
      <c r="A863" s="49"/>
      <c r="B863" s="20"/>
      <c r="C863" s="20"/>
      <c r="D863" s="20"/>
      <c r="E863" s="20"/>
      <c r="F863" s="20"/>
      <c r="G863" s="21" t="s">
        <v>3745</v>
      </c>
      <c r="H863" s="20"/>
    </row>
    <row r="864" spans="1:8" ht="21.75" customHeight="1" x14ac:dyDescent="0.2">
      <c r="A864" s="49">
        <v>440</v>
      </c>
      <c r="B864" s="18" t="s">
        <v>1930</v>
      </c>
      <c r="C864" s="18" t="s">
        <v>2068</v>
      </c>
      <c r="D864" s="18" t="s">
        <v>2048</v>
      </c>
      <c r="E864" s="18" t="s">
        <v>2069</v>
      </c>
      <c r="F864" s="18" t="s">
        <v>2070</v>
      </c>
      <c r="G864" s="18" t="s">
        <v>2071</v>
      </c>
      <c r="H864" s="18" t="s">
        <v>4341</v>
      </c>
    </row>
    <row r="865" spans="1:8" ht="15" customHeight="1" x14ac:dyDescent="0.2">
      <c r="A865" s="49"/>
      <c r="B865" s="20"/>
      <c r="C865" s="20"/>
      <c r="D865" s="20"/>
      <c r="E865" s="20"/>
      <c r="F865" s="20"/>
      <c r="G865" s="20" t="s">
        <v>3745</v>
      </c>
      <c r="H865" s="20"/>
    </row>
    <row r="866" spans="1:8" ht="21.75" customHeight="1" x14ac:dyDescent="0.2">
      <c r="A866" s="49">
        <v>441</v>
      </c>
      <c r="B866" s="18" t="s">
        <v>1930</v>
      </c>
      <c r="C866" s="18" t="s">
        <v>2072</v>
      </c>
      <c r="D866" s="18" t="s">
        <v>2073</v>
      </c>
      <c r="E866" s="18" t="s">
        <v>2074</v>
      </c>
      <c r="F866" s="18" t="s">
        <v>2075</v>
      </c>
      <c r="G866" s="18" t="s">
        <v>2076</v>
      </c>
      <c r="H866" s="18" t="s">
        <v>4342</v>
      </c>
    </row>
    <row r="867" spans="1:8" ht="15" customHeight="1" x14ac:dyDescent="0.2">
      <c r="A867" s="49"/>
      <c r="B867" s="20"/>
      <c r="C867" s="20"/>
      <c r="D867" s="20"/>
      <c r="E867" s="20"/>
      <c r="F867" s="20"/>
      <c r="G867" s="21" t="s">
        <v>3710</v>
      </c>
      <c r="H867" s="20"/>
    </row>
    <row r="868" spans="1:8" ht="21.75" customHeight="1" x14ac:dyDescent="0.2">
      <c r="A868" s="49">
        <v>442</v>
      </c>
      <c r="B868" s="18" t="s">
        <v>2077</v>
      </c>
      <c r="C868" s="18" t="s">
        <v>2078</v>
      </c>
      <c r="D868" s="18" t="s">
        <v>2079</v>
      </c>
      <c r="E868" s="18" t="s">
        <v>2080</v>
      </c>
      <c r="F868" s="18" t="s">
        <v>2081</v>
      </c>
      <c r="G868" s="18" t="s">
        <v>2082</v>
      </c>
      <c r="H868" s="18" t="s">
        <v>4343</v>
      </c>
    </row>
    <row r="869" spans="1:8" ht="15" customHeight="1" x14ac:dyDescent="0.2">
      <c r="A869" s="49"/>
      <c r="B869" s="20"/>
      <c r="C869" s="20"/>
      <c r="D869" s="20"/>
      <c r="E869" s="20"/>
      <c r="F869" s="20"/>
      <c r="G869" s="21" t="s">
        <v>4344</v>
      </c>
      <c r="H869" s="20"/>
    </row>
    <row r="870" spans="1:8" ht="21.75" customHeight="1" x14ac:dyDescent="0.2">
      <c r="A870" s="49">
        <v>443</v>
      </c>
      <c r="B870" s="18" t="s">
        <v>2077</v>
      </c>
      <c r="C870" s="18" t="s">
        <v>2083</v>
      </c>
      <c r="D870" s="18" t="s">
        <v>2084</v>
      </c>
      <c r="E870" s="18" t="s">
        <v>2085</v>
      </c>
      <c r="F870" s="18" t="s">
        <v>2086</v>
      </c>
      <c r="G870" s="18" t="s">
        <v>186</v>
      </c>
      <c r="H870" s="18" t="s">
        <v>4345</v>
      </c>
    </row>
    <row r="871" spans="1:8" ht="15" customHeight="1" x14ac:dyDescent="0.2">
      <c r="A871" s="49"/>
      <c r="B871" s="20"/>
      <c r="C871" s="20"/>
      <c r="D871" s="20"/>
      <c r="E871" s="20"/>
      <c r="F871" s="20"/>
      <c r="G871" s="21" t="s">
        <v>3795</v>
      </c>
      <c r="H871" s="20"/>
    </row>
    <row r="872" spans="1:8" ht="21.75" customHeight="1" x14ac:dyDescent="0.2">
      <c r="A872" s="49">
        <v>444</v>
      </c>
      <c r="B872" s="18" t="s">
        <v>2077</v>
      </c>
      <c r="C872" s="18" t="s">
        <v>2087</v>
      </c>
      <c r="D872" s="18" t="s">
        <v>2088</v>
      </c>
      <c r="E872" s="18" t="s">
        <v>2089</v>
      </c>
      <c r="F872" s="18" t="s">
        <v>2090</v>
      </c>
      <c r="G872" s="18" t="s">
        <v>2091</v>
      </c>
      <c r="H872" s="18" t="s">
        <v>4346</v>
      </c>
    </row>
    <row r="873" spans="1:8" ht="15" customHeight="1" x14ac:dyDescent="0.2">
      <c r="A873" s="49"/>
      <c r="B873" s="20"/>
      <c r="C873" s="20"/>
      <c r="D873" s="20"/>
      <c r="E873" s="20"/>
      <c r="F873" s="20"/>
      <c r="G873" s="21" t="s">
        <v>3745</v>
      </c>
      <c r="H873" s="20"/>
    </row>
    <row r="874" spans="1:8" ht="21" customHeight="1" x14ac:dyDescent="0.2">
      <c r="A874" s="49">
        <v>445</v>
      </c>
      <c r="B874" s="18" t="s">
        <v>2077</v>
      </c>
      <c r="C874" s="18" t="s">
        <v>2092</v>
      </c>
      <c r="D874" s="18" t="s">
        <v>2093</v>
      </c>
      <c r="E874" s="18" t="s">
        <v>2094</v>
      </c>
      <c r="F874" s="18" t="s">
        <v>2095</v>
      </c>
      <c r="G874" s="18" t="s">
        <v>2096</v>
      </c>
      <c r="H874" s="18" t="s">
        <v>4347</v>
      </c>
    </row>
    <row r="875" spans="1:8" ht="15" customHeight="1" x14ac:dyDescent="0.2">
      <c r="A875" s="49"/>
      <c r="B875" s="20"/>
      <c r="C875" s="20"/>
      <c r="D875" s="20"/>
      <c r="E875" s="20"/>
      <c r="F875" s="20"/>
      <c r="G875" s="21" t="s">
        <v>4347</v>
      </c>
      <c r="H875" s="20"/>
    </row>
    <row r="876" spans="1:8" ht="21.75" customHeight="1" x14ac:dyDescent="0.2">
      <c r="A876" s="49">
        <v>446</v>
      </c>
      <c r="B876" s="18" t="s">
        <v>2077</v>
      </c>
      <c r="C876" s="18" t="s">
        <v>2097</v>
      </c>
      <c r="D876" s="18" t="s">
        <v>2098</v>
      </c>
      <c r="E876" s="18" t="s">
        <v>2099</v>
      </c>
      <c r="F876" s="18" t="s">
        <v>2100</v>
      </c>
      <c r="G876" s="18" t="s">
        <v>2101</v>
      </c>
      <c r="H876" s="18" t="s">
        <v>4348</v>
      </c>
    </row>
    <row r="877" spans="1:8" ht="15" customHeight="1" x14ac:dyDescent="0.2">
      <c r="A877" s="49"/>
      <c r="B877" s="20"/>
      <c r="C877" s="20"/>
      <c r="D877" s="20"/>
      <c r="E877" s="20"/>
      <c r="F877" s="20"/>
      <c r="G877" s="21" t="s">
        <v>3745</v>
      </c>
      <c r="H877" s="20"/>
    </row>
    <row r="878" spans="1:8" ht="21.75" customHeight="1" x14ac:dyDescent="0.2">
      <c r="A878" s="49">
        <v>447</v>
      </c>
      <c r="B878" s="18" t="s">
        <v>2077</v>
      </c>
      <c r="C878" s="18" t="s">
        <v>2102</v>
      </c>
      <c r="D878" s="18" t="s">
        <v>2103</v>
      </c>
      <c r="E878" s="18" t="s">
        <v>2104</v>
      </c>
      <c r="F878" s="18" t="s">
        <v>2105</v>
      </c>
      <c r="G878" s="18" t="s">
        <v>2106</v>
      </c>
      <c r="H878" s="18" t="s">
        <v>4349</v>
      </c>
    </row>
    <row r="879" spans="1:8" ht="15" customHeight="1" x14ac:dyDescent="0.2">
      <c r="A879" s="49"/>
      <c r="B879" s="20"/>
      <c r="C879" s="20"/>
      <c r="D879" s="20"/>
      <c r="E879" s="20"/>
      <c r="F879" s="20"/>
      <c r="G879" s="21" t="s">
        <v>4349</v>
      </c>
      <c r="H879" s="20"/>
    </row>
    <row r="880" spans="1:8" ht="21.75" customHeight="1" x14ac:dyDescent="0.2">
      <c r="A880" s="49">
        <v>448</v>
      </c>
      <c r="B880" s="18" t="s">
        <v>2077</v>
      </c>
      <c r="C880" s="18" t="s">
        <v>2107</v>
      </c>
      <c r="D880" s="18" t="s">
        <v>2108</v>
      </c>
      <c r="E880" s="18" t="s">
        <v>2109</v>
      </c>
      <c r="F880" s="18" t="s">
        <v>2110</v>
      </c>
      <c r="G880" s="18" t="s">
        <v>2111</v>
      </c>
      <c r="H880" s="18" t="s">
        <v>4808</v>
      </c>
    </row>
    <row r="881" spans="1:8" ht="15" customHeight="1" x14ac:dyDescent="0.2">
      <c r="A881" s="49"/>
      <c r="B881" s="20"/>
      <c r="C881" s="20"/>
      <c r="D881" s="20"/>
      <c r="E881" s="20"/>
      <c r="F881" s="20"/>
      <c r="G881" s="21" t="s">
        <v>4350</v>
      </c>
      <c r="H881" s="20"/>
    </row>
    <row r="882" spans="1:8" ht="21.75" customHeight="1" x14ac:dyDescent="0.2">
      <c r="A882" s="49">
        <v>449</v>
      </c>
      <c r="B882" s="18" t="s">
        <v>2077</v>
      </c>
      <c r="C882" s="18" t="s">
        <v>2112</v>
      </c>
      <c r="D882" s="18" t="s">
        <v>2098</v>
      </c>
      <c r="E882" s="18" t="s">
        <v>2113</v>
      </c>
      <c r="F882" s="18" t="s">
        <v>2114</v>
      </c>
      <c r="G882" s="18" t="s">
        <v>2115</v>
      </c>
      <c r="H882" s="18" t="s">
        <v>4351</v>
      </c>
    </row>
    <row r="883" spans="1:8" ht="15" customHeight="1" x14ac:dyDescent="0.2">
      <c r="A883" s="49"/>
      <c r="B883" s="20"/>
      <c r="C883" s="20"/>
      <c r="D883" s="20"/>
      <c r="E883" s="20"/>
      <c r="F883" s="20"/>
      <c r="G883" s="21" t="s">
        <v>4351</v>
      </c>
      <c r="H883" s="20"/>
    </row>
    <row r="884" spans="1:8" ht="21.75" customHeight="1" x14ac:dyDescent="0.2">
      <c r="A884" s="49">
        <v>450</v>
      </c>
      <c r="B884" s="18" t="s">
        <v>2077</v>
      </c>
      <c r="C884" s="18" t="s">
        <v>2116</v>
      </c>
      <c r="D884" s="18" t="s">
        <v>2117</v>
      </c>
      <c r="E884" s="18" t="s">
        <v>2118</v>
      </c>
      <c r="F884" s="18" t="s">
        <v>2119</v>
      </c>
      <c r="G884" s="18" t="s">
        <v>2120</v>
      </c>
      <c r="H884" s="18" t="s">
        <v>4352</v>
      </c>
    </row>
    <row r="885" spans="1:8" ht="15" customHeight="1" x14ac:dyDescent="0.2">
      <c r="A885" s="49"/>
      <c r="B885" s="20"/>
      <c r="C885" s="20"/>
      <c r="D885" s="20"/>
      <c r="E885" s="20"/>
      <c r="F885" s="20"/>
      <c r="G885" s="21" t="s">
        <v>1357</v>
      </c>
      <c r="H885" s="20"/>
    </row>
    <row r="886" spans="1:8" ht="21.75" customHeight="1" x14ac:dyDescent="0.2">
      <c r="A886" s="49">
        <v>451</v>
      </c>
      <c r="B886" s="18" t="s">
        <v>2077</v>
      </c>
      <c r="C886" s="18" t="s">
        <v>2121</v>
      </c>
      <c r="D886" s="18" t="s">
        <v>2122</v>
      </c>
      <c r="E886" s="18" t="s">
        <v>2123</v>
      </c>
      <c r="F886" s="18" t="s">
        <v>2124</v>
      </c>
      <c r="G886" s="18" t="s">
        <v>2125</v>
      </c>
      <c r="H886" s="18" t="s">
        <v>4353</v>
      </c>
    </row>
    <row r="887" spans="1:8" ht="15" customHeight="1" x14ac:dyDescent="0.2">
      <c r="A887" s="49"/>
      <c r="B887" s="20"/>
      <c r="C887" s="20"/>
      <c r="D887" s="20"/>
      <c r="E887" s="20"/>
      <c r="F887" s="20"/>
      <c r="G887" s="21" t="s">
        <v>4354</v>
      </c>
      <c r="H887" s="20"/>
    </row>
    <row r="888" spans="1:8" ht="21.75" customHeight="1" x14ac:dyDescent="0.2">
      <c r="A888" s="49">
        <v>452</v>
      </c>
      <c r="B888" s="18" t="s">
        <v>2126</v>
      </c>
      <c r="C888" s="18" t="s">
        <v>2127</v>
      </c>
      <c r="D888" s="18" t="s">
        <v>2128</v>
      </c>
      <c r="E888" s="18" t="s">
        <v>2129</v>
      </c>
      <c r="F888" s="18" t="s">
        <v>2130</v>
      </c>
      <c r="G888" s="18" t="s">
        <v>2131</v>
      </c>
      <c r="H888" s="18" t="s">
        <v>4355</v>
      </c>
    </row>
    <row r="889" spans="1:8" ht="15" customHeight="1" x14ac:dyDescent="0.2">
      <c r="A889" s="49"/>
      <c r="B889" s="20"/>
      <c r="C889" s="20"/>
      <c r="D889" s="20"/>
      <c r="E889" s="20"/>
      <c r="F889" s="20"/>
      <c r="G889" s="21" t="s">
        <v>4355</v>
      </c>
      <c r="H889" s="20"/>
    </row>
    <row r="890" spans="1:8" ht="21.75" customHeight="1" x14ac:dyDescent="0.2">
      <c r="A890" s="49">
        <v>453</v>
      </c>
      <c r="B890" s="18" t="s">
        <v>2126</v>
      </c>
      <c r="C890" s="18" t="s">
        <v>2132</v>
      </c>
      <c r="D890" s="18" t="s">
        <v>2133</v>
      </c>
      <c r="E890" s="18" t="s">
        <v>2134</v>
      </c>
      <c r="F890" s="18" t="s">
        <v>2135</v>
      </c>
      <c r="G890" s="18" t="s">
        <v>2136</v>
      </c>
      <c r="H890" s="18" t="s">
        <v>4356</v>
      </c>
    </row>
    <row r="891" spans="1:8" ht="15" customHeight="1" x14ac:dyDescent="0.2">
      <c r="A891" s="49"/>
      <c r="B891" s="20"/>
      <c r="C891" s="20"/>
      <c r="D891" s="20"/>
      <c r="E891" s="20"/>
      <c r="F891" s="20"/>
      <c r="G891" s="21" t="s">
        <v>4809</v>
      </c>
      <c r="H891" s="20"/>
    </row>
    <row r="892" spans="1:8" ht="21.75" customHeight="1" x14ac:dyDescent="0.2">
      <c r="A892" s="49">
        <v>454</v>
      </c>
      <c r="B892" s="18" t="s">
        <v>2126</v>
      </c>
      <c r="C892" s="18" t="s">
        <v>2137</v>
      </c>
      <c r="D892" s="18" t="s">
        <v>2138</v>
      </c>
      <c r="E892" s="18" t="s">
        <v>2139</v>
      </c>
      <c r="F892" s="18" t="s">
        <v>2140</v>
      </c>
      <c r="G892" s="18" t="s">
        <v>885</v>
      </c>
      <c r="H892" s="18" t="s">
        <v>4357</v>
      </c>
    </row>
    <row r="893" spans="1:8" ht="15" customHeight="1" x14ac:dyDescent="0.2">
      <c r="A893" s="49"/>
      <c r="B893" s="20"/>
      <c r="C893" s="20"/>
      <c r="D893" s="20"/>
      <c r="E893" s="20"/>
      <c r="F893" s="20"/>
      <c r="G893" s="21" t="s">
        <v>2145</v>
      </c>
      <c r="H893" s="20"/>
    </row>
    <row r="894" spans="1:8" ht="21.75" customHeight="1" x14ac:dyDescent="0.2">
      <c r="A894" s="49">
        <v>455</v>
      </c>
      <c r="B894" s="18" t="s">
        <v>2126</v>
      </c>
      <c r="C894" s="18" t="s">
        <v>2141</v>
      </c>
      <c r="D894" s="18" t="s">
        <v>2138</v>
      </c>
      <c r="E894" s="18" t="s">
        <v>2142</v>
      </c>
      <c r="F894" s="18" t="s">
        <v>2143</v>
      </c>
      <c r="G894" s="18" t="s">
        <v>885</v>
      </c>
      <c r="H894" s="18" t="s">
        <v>2144</v>
      </c>
    </row>
    <row r="895" spans="1:8" ht="15" customHeight="1" x14ac:dyDescent="0.2">
      <c r="A895" s="49"/>
      <c r="B895" s="20"/>
      <c r="C895" s="20"/>
      <c r="D895" s="20"/>
      <c r="E895" s="20"/>
      <c r="F895" s="20"/>
      <c r="G895" s="21" t="s">
        <v>2145</v>
      </c>
      <c r="H895" s="20"/>
    </row>
    <row r="896" spans="1:8" ht="21.75" customHeight="1" x14ac:dyDescent="0.2">
      <c r="A896" s="49">
        <v>456</v>
      </c>
      <c r="B896" s="18" t="s">
        <v>2126</v>
      </c>
      <c r="C896" s="18" t="s">
        <v>2146</v>
      </c>
      <c r="D896" s="18" t="s">
        <v>2147</v>
      </c>
      <c r="E896" s="18" t="s">
        <v>2148</v>
      </c>
      <c r="F896" s="18" t="s">
        <v>2149</v>
      </c>
      <c r="G896" s="18" t="s">
        <v>2150</v>
      </c>
      <c r="H896" s="18" t="s">
        <v>4358</v>
      </c>
    </row>
    <row r="897" spans="1:8" ht="15" customHeight="1" x14ac:dyDescent="0.2">
      <c r="A897" s="49"/>
      <c r="B897" s="20"/>
      <c r="C897" s="20"/>
      <c r="D897" s="20"/>
      <c r="E897" s="20"/>
      <c r="F897" s="20"/>
      <c r="G897" s="21" t="s">
        <v>4358</v>
      </c>
      <c r="H897" s="20"/>
    </row>
    <row r="898" spans="1:8" ht="21.75" customHeight="1" x14ac:dyDescent="0.2">
      <c r="A898" s="49">
        <v>457</v>
      </c>
      <c r="B898" s="18" t="s">
        <v>2126</v>
      </c>
      <c r="C898" s="18" t="s">
        <v>2151</v>
      </c>
      <c r="D898" s="18" t="s">
        <v>2152</v>
      </c>
      <c r="E898" s="18" t="s">
        <v>2153</v>
      </c>
      <c r="F898" s="18" t="s">
        <v>2154</v>
      </c>
      <c r="G898" s="18" t="s">
        <v>2155</v>
      </c>
      <c r="H898" s="18" t="s">
        <v>4359</v>
      </c>
    </row>
    <row r="899" spans="1:8" ht="15" customHeight="1" x14ac:dyDescent="0.2">
      <c r="A899" s="49"/>
      <c r="B899" s="20"/>
      <c r="C899" s="20"/>
      <c r="D899" s="20"/>
      <c r="E899" s="20"/>
      <c r="F899" s="20"/>
      <c r="G899" s="21" t="s">
        <v>4359</v>
      </c>
      <c r="H899" s="20"/>
    </row>
    <row r="900" spans="1:8" ht="21.75" customHeight="1" x14ac:dyDescent="0.2">
      <c r="A900" s="49">
        <v>458</v>
      </c>
      <c r="B900" s="18" t="s">
        <v>2156</v>
      </c>
      <c r="C900" s="18" t="s">
        <v>2157</v>
      </c>
      <c r="D900" s="18" t="s">
        <v>2158</v>
      </c>
      <c r="E900" s="18" t="s">
        <v>2159</v>
      </c>
      <c r="F900" s="18" t="s">
        <v>2160</v>
      </c>
      <c r="G900" s="18" t="s">
        <v>2161</v>
      </c>
      <c r="H900" s="18" t="s">
        <v>4360</v>
      </c>
    </row>
    <row r="901" spans="1:8" ht="15" customHeight="1" x14ac:dyDescent="0.2">
      <c r="A901" s="49"/>
      <c r="B901" s="20"/>
      <c r="C901" s="20"/>
      <c r="D901" s="20"/>
      <c r="E901" s="20"/>
      <c r="F901" s="20"/>
      <c r="G901" s="21" t="s">
        <v>4361</v>
      </c>
      <c r="H901" s="20"/>
    </row>
    <row r="902" spans="1:8" ht="21.75" customHeight="1" x14ac:dyDescent="0.2">
      <c r="A902" s="49">
        <v>459</v>
      </c>
      <c r="B902" s="18" t="s">
        <v>2126</v>
      </c>
      <c r="C902" s="18" t="s">
        <v>2162</v>
      </c>
      <c r="D902" s="18" t="s">
        <v>2163</v>
      </c>
      <c r="E902" s="18" t="s">
        <v>2164</v>
      </c>
      <c r="F902" s="18" t="s">
        <v>2165</v>
      </c>
      <c r="G902" s="18" t="s">
        <v>2166</v>
      </c>
      <c r="H902" s="18" t="s">
        <v>4362</v>
      </c>
    </row>
    <row r="903" spans="1:8" ht="15" customHeight="1" x14ac:dyDescent="0.2">
      <c r="A903" s="49"/>
      <c r="B903" s="20"/>
      <c r="C903" s="20"/>
      <c r="D903" s="20"/>
      <c r="E903" s="20"/>
      <c r="F903" s="20"/>
      <c r="G903" s="21" t="s">
        <v>4362</v>
      </c>
      <c r="H903" s="20"/>
    </row>
    <row r="904" spans="1:8" ht="21.75" customHeight="1" x14ac:dyDescent="0.2">
      <c r="A904" s="49">
        <v>460</v>
      </c>
      <c r="B904" s="18" t="s">
        <v>2126</v>
      </c>
      <c r="C904" s="18" t="s">
        <v>2167</v>
      </c>
      <c r="D904" s="18" t="s">
        <v>2168</v>
      </c>
      <c r="E904" s="18" t="s">
        <v>2169</v>
      </c>
      <c r="F904" s="18" t="s">
        <v>2170</v>
      </c>
      <c r="G904" s="18" t="s">
        <v>2171</v>
      </c>
      <c r="H904" s="18" t="s">
        <v>4363</v>
      </c>
    </row>
    <row r="905" spans="1:8" ht="15" customHeight="1" x14ac:dyDescent="0.2">
      <c r="A905" s="49"/>
      <c r="B905" s="20"/>
      <c r="C905" s="20"/>
      <c r="D905" s="20"/>
      <c r="E905" s="20"/>
      <c r="F905" s="20"/>
      <c r="G905" s="21" t="s">
        <v>4364</v>
      </c>
      <c r="H905" s="20"/>
    </row>
    <row r="906" spans="1:8" ht="21.75" customHeight="1" x14ac:dyDescent="0.2">
      <c r="A906" s="49">
        <v>461</v>
      </c>
      <c r="B906" s="18" t="s">
        <v>2126</v>
      </c>
      <c r="C906" s="18" t="s">
        <v>2172</v>
      </c>
      <c r="D906" s="18" t="s">
        <v>2173</v>
      </c>
      <c r="E906" s="18" t="s">
        <v>2174</v>
      </c>
      <c r="F906" s="18" t="s">
        <v>2175</v>
      </c>
      <c r="G906" s="18" t="s">
        <v>2176</v>
      </c>
      <c r="H906" s="18" t="s">
        <v>4810</v>
      </c>
    </row>
    <row r="907" spans="1:8" ht="15" customHeight="1" x14ac:dyDescent="0.2">
      <c r="A907" s="49"/>
      <c r="B907" s="20"/>
      <c r="C907" s="20"/>
      <c r="D907" s="20"/>
      <c r="E907" s="20"/>
      <c r="F907" s="20"/>
      <c r="G907" s="21" t="s">
        <v>4811</v>
      </c>
      <c r="H907" s="20"/>
    </row>
    <row r="908" spans="1:8" ht="21.75" customHeight="1" x14ac:dyDescent="0.2">
      <c r="A908" s="49">
        <v>462</v>
      </c>
      <c r="B908" s="18" t="s">
        <v>2126</v>
      </c>
      <c r="C908" s="18" t="s">
        <v>2177</v>
      </c>
      <c r="D908" s="18" t="s">
        <v>2178</v>
      </c>
      <c r="E908" s="18" t="s">
        <v>2179</v>
      </c>
      <c r="F908" s="18" t="s">
        <v>2180</v>
      </c>
      <c r="G908" s="18" t="s">
        <v>2181</v>
      </c>
      <c r="H908" s="18" t="s">
        <v>4365</v>
      </c>
    </row>
    <row r="909" spans="1:8" ht="15" customHeight="1" x14ac:dyDescent="0.2">
      <c r="A909" s="49"/>
      <c r="B909" s="20"/>
      <c r="C909" s="20"/>
      <c r="D909" s="20"/>
      <c r="E909" s="20"/>
      <c r="F909" s="20"/>
      <c r="G909" s="21" t="s">
        <v>4366</v>
      </c>
      <c r="H909" s="20"/>
    </row>
    <row r="910" spans="1:8" ht="21.75" customHeight="1" x14ac:dyDescent="0.2">
      <c r="A910" s="49">
        <v>463</v>
      </c>
      <c r="B910" s="18" t="s">
        <v>2126</v>
      </c>
      <c r="C910" s="18" t="s">
        <v>3738</v>
      </c>
      <c r="D910" s="18" t="s">
        <v>2138</v>
      </c>
      <c r="E910" s="18" t="s">
        <v>2182</v>
      </c>
      <c r="F910" s="18" t="s">
        <v>2183</v>
      </c>
      <c r="G910" s="18" t="s">
        <v>885</v>
      </c>
      <c r="H910" s="18" t="s">
        <v>2184</v>
      </c>
    </row>
    <row r="911" spans="1:8" ht="15" customHeight="1" x14ac:dyDescent="0.2">
      <c r="A911" s="49"/>
      <c r="B911" s="20"/>
      <c r="C911" s="20"/>
      <c r="D911" s="20"/>
      <c r="E911" s="20"/>
      <c r="F911" s="20"/>
      <c r="G911" s="21" t="s">
        <v>2145</v>
      </c>
      <c r="H911" s="20"/>
    </row>
    <row r="912" spans="1:8" ht="21.75" customHeight="1" x14ac:dyDescent="0.2">
      <c r="A912" s="49">
        <v>464</v>
      </c>
      <c r="B912" s="18" t="s">
        <v>2126</v>
      </c>
      <c r="C912" s="18" t="s">
        <v>2185</v>
      </c>
      <c r="D912" s="18" t="s">
        <v>2147</v>
      </c>
      <c r="E912" s="18" t="s">
        <v>2186</v>
      </c>
      <c r="F912" s="18" t="s">
        <v>2187</v>
      </c>
      <c r="G912" s="18" t="s">
        <v>2188</v>
      </c>
      <c r="H912" s="18" t="s">
        <v>4367</v>
      </c>
    </row>
    <row r="913" spans="1:8" ht="15" customHeight="1" x14ac:dyDescent="0.2">
      <c r="A913" s="49"/>
      <c r="B913" s="20"/>
      <c r="C913" s="20"/>
      <c r="D913" s="20"/>
      <c r="E913" s="20"/>
      <c r="F913" s="20"/>
      <c r="G913" s="21" t="s">
        <v>4368</v>
      </c>
      <c r="H913" s="20"/>
    </row>
    <row r="914" spans="1:8" ht="21.75" customHeight="1" x14ac:dyDescent="0.2">
      <c r="A914" s="49">
        <v>465</v>
      </c>
      <c r="B914" s="18" t="s">
        <v>2126</v>
      </c>
      <c r="C914" s="18" t="s">
        <v>2189</v>
      </c>
      <c r="D914" s="18" t="s">
        <v>2190</v>
      </c>
      <c r="E914" s="18" t="s">
        <v>2191</v>
      </c>
      <c r="F914" s="18" t="s">
        <v>2192</v>
      </c>
      <c r="G914" s="18" t="s">
        <v>2176</v>
      </c>
      <c r="H914" s="18" t="s">
        <v>4810</v>
      </c>
    </row>
    <row r="915" spans="1:8" ht="15" customHeight="1" x14ac:dyDescent="0.2">
      <c r="A915" s="49"/>
      <c r="B915" s="20"/>
      <c r="C915" s="20"/>
      <c r="D915" s="20"/>
      <c r="E915" s="20"/>
      <c r="F915" s="20"/>
      <c r="G915" s="21" t="s">
        <v>4811</v>
      </c>
      <c r="H915" s="20"/>
    </row>
    <row r="916" spans="1:8" ht="21.75" customHeight="1" x14ac:dyDescent="0.2">
      <c r="A916" s="49">
        <v>466</v>
      </c>
      <c r="B916" s="18" t="s">
        <v>2193</v>
      </c>
      <c r="C916" s="18" t="s">
        <v>2194</v>
      </c>
      <c r="D916" s="18" t="s">
        <v>2195</v>
      </c>
      <c r="E916" s="18" t="s">
        <v>2196</v>
      </c>
      <c r="F916" s="18" t="s">
        <v>2197</v>
      </c>
      <c r="G916" s="18" t="s">
        <v>2198</v>
      </c>
      <c r="H916" s="18" t="s">
        <v>4369</v>
      </c>
    </row>
    <row r="917" spans="1:8" ht="15" customHeight="1" x14ac:dyDescent="0.2">
      <c r="A917" s="49"/>
      <c r="B917" s="20"/>
      <c r="C917" s="20"/>
      <c r="D917" s="20"/>
      <c r="E917" s="20"/>
      <c r="F917" s="20"/>
      <c r="G917" s="21" t="s">
        <v>4370</v>
      </c>
      <c r="H917" s="20"/>
    </row>
    <row r="918" spans="1:8" ht="21.75" customHeight="1" x14ac:dyDescent="0.2">
      <c r="A918" s="49">
        <v>467</v>
      </c>
      <c r="B918" s="18" t="s">
        <v>2193</v>
      </c>
      <c r="C918" s="18" t="s">
        <v>2199</v>
      </c>
      <c r="D918" s="18" t="s">
        <v>2200</v>
      </c>
      <c r="E918" s="18" t="s">
        <v>2201</v>
      </c>
      <c r="F918" s="18" t="s">
        <v>2202</v>
      </c>
      <c r="G918" s="18" t="s">
        <v>2203</v>
      </c>
      <c r="H918" s="18" t="s">
        <v>4371</v>
      </c>
    </row>
    <row r="919" spans="1:8" ht="15" customHeight="1" x14ac:dyDescent="0.2">
      <c r="A919" s="49"/>
      <c r="B919" s="20"/>
      <c r="C919" s="20"/>
      <c r="D919" s="20"/>
      <c r="E919" s="20"/>
      <c r="F919" s="20"/>
      <c r="G919" s="21" t="s">
        <v>4372</v>
      </c>
      <c r="H919" s="20"/>
    </row>
    <row r="920" spans="1:8" ht="21.75" customHeight="1" x14ac:dyDescent="0.2">
      <c r="A920" s="49">
        <v>468</v>
      </c>
      <c r="B920" s="18" t="s">
        <v>2193</v>
      </c>
      <c r="C920" s="18" t="s">
        <v>2204</v>
      </c>
      <c r="D920" s="18" t="s">
        <v>2200</v>
      </c>
      <c r="E920" s="18" t="s">
        <v>2205</v>
      </c>
      <c r="F920" s="18" t="s">
        <v>2206</v>
      </c>
      <c r="G920" s="18" t="s">
        <v>186</v>
      </c>
      <c r="H920" s="18" t="s">
        <v>4373</v>
      </c>
    </row>
    <row r="921" spans="1:8" ht="15" customHeight="1" x14ac:dyDescent="0.2">
      <c r="A921" s="49"/>
      <c r="B921" s="20"/>
      <c r="C921" s="20"/>
      <c r="D921" s="20"/>
      <c r="E921" s="20"/>
      <c r="F921" s="20"/>
      <c r="G921" s="21" t="s">
        <v>3795</v>
      </c>
      <c r="H921" s="20"/>
    </row>
    <row r="922" spans="1:8" ht="22.2" customHeight="1" x14ac:dyDescent="0.2">
      <c r="A922" s="49">
        <v>469</v>
      </c>
      <c r="B922" s="18" t="s">
        <v>2193</v>
      </c>
      <c r="C922" s="18" t="s">
        <v>2207</v>
      </c>
      <c r="D922" s="18" t="s">
        <v>2208</v>
      </c>
      <c r="E922" s="18" t="s">
        <v>2209</v>
      </c>
      <c r="F922" s="18" t="s">
        <v>2210</v>
      </c>
      <c r="G922" s="18" t="s">
        <v>1996</v>
      </c>
      <c r="H922" s="18" t="s">
        <v>4314</v>
      </c>
    </row>
    <row r="923" spans="1:8" ht="15" customHeight="1" x14ac:dyDescent="0.2">
      <c r="A923" s="49"/>
      <c r="B923" s="20"/>
      <c r="C923" s="20"/>
      <c r="D923" s="20"/>
      <c r="E923" s="20"/>
      <c r="F923" s="20"/>
      <c r="G923" s="21" t="s">
        <v>4315</v>
      </c>
      <c r="H923" s="20"/>
    </row>
    <row r="924" spans="1:8" ht="22.2" customHeight="1" x14ac:dyDescent="0.2">
      <c r="A924" s="49">
        <v>470</v>
      </c>
      <c r="B924" s="18" t="s">
        <v>2211</v>
      </c>
      <c r="C924" s="18" t="s">
        <v>2212</v>
      </c>
      <c r="D924" s="18" t="s">
        <v>2213</v>
      </c>
      <c r="E924" s="18" t="s">
        <v>2214</v>
      </c>
      <c r="F924" s="18" t="s">
        <v>2215</v>
      </c>
      <c r="G924" s="18" t="s">
        <v>2216</v>
      </c>
      <c r="H924" s="18" t="s">
        <v>4374</v>
      </c>
    </row>
    <row r="925" spans="1:8" ht="15" customHeight="1" x14ac:dyDescent="0.2">
      <c r="A925" s="49"/>
      <c r="B925" s="20"/>
      <c r="C925" s="20"/>
      <c r="D925" s="20"/>
      <c r="E925" s="20"/>
      <c r="F925" s="20"/>
      <c r="G925" s="21" t="s">
        <v>4374</v>
      </c>
      <c r="H925" s="20"/>
    </row>
    <row r="926" spans="1:8" ht="22.2" customHeight="1" x14ac:dyDescent="0.2">
      <c r="A926" s="49">
        <v>471</v>
      </c>
      <c r="B926" s="18" t="s">
        <v>2211</v>
      </c>
      <c r="C926" s="18" t="s">
        <v>2217</v>
      </c>
      <c r="D926" s="18" t="s">
        <v>2218</v>
      </c>
      <c r="E926" s="18" t="s">
        <v>2219</v>
      </c>
      <c r="F926" s="18" t="s">
        <v>2220</v>
      </c>
      <c r="G926" s="18" t="s">
        <v>2221</v>
      </c>
      <c r="H926" s="18" t="s">
        <v>4375</v>
      </c>
    </row>
    <row r="927" spans="1:8" ht="15" customHeight="1" x14ac:dyDescent="0.2">
      <c r="A927" s="49"/>
      <c r="B927" s="20"/>
      <c r="C927" s="20"/>
      <c r="D927" s="20"/>
      <c r="E927" s="20"/>
      <c r="F927" s="20"/>
      <c r="G927" s="21" t="s">
        <v>4375</v>
      </c>
      <c r="H927" s="20"/>
    </row>
    <row r="928" spans="1:8" ht="22.2" customHeight="1" x14ac:dyDescent="0.2">
      <c r="A928" s="49">
        <v>472</v>
      </c>
      <c r="B928" s="18" t="s">
        <v>2222</v>
      </c>
      <c r="C928" s="18" t="s">
        <v>2223</v>
      </c>
      <c r="D928" s="18" t="s">
        <v>2224</v>
      </c>
      <c r="E928" s="18" t="s">
        <v>2225</v>
      </c>
      <c r="F928" s="18" t="s">
        <v>2226</v>
      </c>
      <c r="G928" s="18" t="s">
        <v>2227</v>
      </c>
      <c r="H928" s="27" t="s">
        <v>3247</v>
      </c>
    </row>
    <row r="929" spans="1:8" ht="15" customHeight="1" x14ac:dyDescent="0.2">
      <c r="A929" s="49"/>
      <c r="B929" s="20"/>
      <c r="C929" s="20"/>
      <c r="D929" s="20"/>
      <c r="E929" s="20"/>
      <c r="F929" s="20"/>
      <c r="G929" s="21" t="s">
        <v>4376</v>
      </c>
      <c r="H929" s="20"/>
    </row>
    <row r="930" spans="1:8" ht="22.2" customHeight="1" x14ac:dyDescent="0.2">
      <c r="A930" s="49">
        <v>473</v>
      </c>
      <c r="B930" s="18" t="s">
        <v>2222</v>
      </c>
      <c r="C930" s="18" t="s">
        <v>2228</v>
      </c>
      <c r="D930" s="18" t="s">
        <v>2229</v>
      </c>
      <c r="E930" s="18" t="s">
        <v>2230</v>
      </c>
      <c r="F930" s="18" t="s">
        <v>2231</v>
      </c>
      <c r="G930" s="18" t="s">
        <v>1837</v>
      </c>
      <c r="H930" s="18" t="s">
        <v>4377</v>
      </c>
    </row>
    <row r="931" spans="1:8" ht="15" customHeight="1" x14ac:dyDescent="0.2">
      <c r="A931" s="49"/>
      <c r="B931" s="20"/>
      <c r="C931" s="20"/>
      <c r="D931" s="20"/>
      <c r="E931" s="20"/>
      <c r="F931" s="20"/>
      <c r="G931" s="21" t="s">
        <v>4269</v>
      </c>
      <c r="H931" s="20"/>
    </row>
    <row r="932" spans="1:8" ht="22.2" customHeight="1" x14ac:dyDescent="0.2">
      <c r="A932" s="49">
        <v>474</v>
      </c>
      <c r="B932" s="18" t="s">
        <v>2232</v>
      </c>
      <c r="C932" s="18" t="s">
        <v>2233</v>
      </c>
      <c r="D932" s="18" t="s">
        <v>2234</v>
      </c>
      <c r="E932" s="18" t="s">
        <v>2235</v>
      </c>
      <c r="F932" s="18" t="s">
        <v>2236</v>
      </c>
      <c r="G932" s="18" t="s">
        <v>2237</v>
      </c>
      <c r="H932" s="18" t="s">
        <v>4378</v>
      </c>
    </row>
    <row r="933" spans="1:8" ht="15" customHeight="1" x14ac:dyDescent="0.2">
      <c r="A933" s="49"/>
      <c r="B933" s="20"/>
      <c r="C933" s="20"/>
      <c r="D933" s="20"/>
      <c r="E933" s="20"/>
      <c r="F933" s="20"/>
      <c r="G933" s="21" t="s">
        <v>4379</v>
      </c>
      <c r="H933" s="20"/>
    </row>
    <row r="934" spans="1:8" ht="22.2" customHeight="1" x14ac:dyDescent="0.2">
      <c r="A934" s="49">
        <v>475</v>
      </c>
      <c r="B934" s="18" t="s">
        <v>2232</v>
      </c>
      <c r="C934" s="18" t="s">
        <v>2238</v>
      </c>
      <c r="D934" s="18" t="s">
        <v>2239</v>
      </c>
      <c r="E934" s="18" t="s">
        <v>2240</v>
      </c>
      <c r="F934" s="18" t="s">
        <v>2241</v>
      </c>
      <c r="G934" s="18" t="s">
        <v>2242</v>
      </c>
      <c r="H934" s="18" t="s">
        <v>4380</v>
      </c>
    </row>
    <row r="935" spans="1:8" ht="15" customHeight="1" x14ac:dyDescent="0.2">
      <c r="A935" s="49"/>
      <c r="B935" s="20"/>
      <c r="C935" s="20"/>
      <c r="D935" s="20"/>
      <c r="E935" s="20"/>
      <c r="F935" s="20"/>
      <c r="G935" s="21" t="s">
        <v>4381</v>
      </c>
      <c r="H935" s="20"/>
    </row>
    <row r="936" spans="1:8" ht="22.2" customHeight="1" x14ac:dyDescent="0.2">
      <c r="A936" s="49">
        <v>476</v>
      </c>
      <c r="B936" s="18" t="s">
        <v>2232</v>
      </c>
      <c r="C936" s="18" t="s">
        <v>2243</v>
      </c>
      <c r="D936" s="18" t="s">
        <v>2244</v>
      </c>
      <c r="E936" s="18" t="s">
        <v>2245</v>
      </c>
      <c r="F936" s="18" t="s">
        <v>2246</v>
      </c>
      <c r="G936" s="18" t="s">
        <v>2247</v>
      </c>
      <c r="H936" s="18" t="s">
        <v>4382</v>
      </c>
    </row>
    <row r="937" spans="1:8" ht="15" customHeight="1" x14ac:dyDescent="0.2">
      <c r="A937" s="49"/>
      <c r="B937" s="20"/>
      <c r="C937" s="20"/>
      <c r="D937" s="20"/>
      <c r="E937" s="20"/>
      <c r="F937" s="20"/>
      <c r="G937" s="21" t="s">
        <v>4383</v>
      </c>
      <c r="H937" s="20"/>
    </row>
    <row r="938" spans="1:8" ht="22.2" customHeight="1" x14ac:dyDescent="0.2">
      <c r="A938" s="49">
        <v>477</v>
      </c>
      <c r="B938" s="18" t="s">
        <v>2232</v>
      </c>
      <c r="C938" s="18" t="s">
        <v>2248</v>
      </c>
      <c r="D938" s="18" t="s">
        <v>2249</v>
      </c>
      <c r="E938" s="18" t="s">
        <v>2250</v>
      </c>
      <c r="F938" s="18" t="s">
        <v>2251</v>
      </c>
      <c r="G938" s="18" t="s">
        <v>2252</v>
      </c>
      <c r="H938" s="18" t="s">
        <v>4384</v>
      </c>
    </row>
    <row r="939" spans="1:8" ht="15" customHeight="1" x14ac:dyDescent="0.2">
      <c r="A939" s="49"/>
      <c r="B939" s="20"/>
      <c r="C939" s="20"/>
      <c r="D939" s="20"/>
      <c r="E939" s="20"/>
      <c r="F939" s="20"/>
      <c r="G939" s="21" t="s">
        <v>4161</v>
      </c>
      <c r="H939" s="20"/>
    </row>
    <row r="940" spans="1:8" ht="22.2" customHeight="1" x14ac:dyDescent="0.2">
      <c r="A940" s="49">
        <v>478</v>
      </c>
      <c r="B940" s="18" t="s">
        <v>2232</v>
      </c>
      <c r="C940" s="18" t="s">
        <v>2253</v>
      </c>
      <c r="D940" s="18" t="s">
        <v>2254</v>
      </c>
      <c r="E940" s="18" t="s">
        <v>2255</v>
      </c>
      <c r="F940" s="18" t="s">
        <v>2256</v>
      </c>
      <c r="G940" s="18" t="s">
        <v>2257</v>
      </c>
      <c r="H940" s="18" t="s">
        <v>4385</v>
      </c>
    </row>
    <row r="941" spans="1:8" ht="15" customHeight="1" x14ac:dyDescent="0.2">
      <c r="A941" s="49"/>
      <c r="B941" s="20"/>
      <c r="C941" s="20"/>
      <c r="D941" s="20"/>
      <c r="E941" s="20"/>
      <c r="F941" s="20"/>
      <c r="G941" s="21" t="s">
        <v>4386</v>
      </c>
      <c r="H941" s="20"/>
    </row>
    <row r="942" spans="1:8" ht="22.2" customHeight="1" x14ac:dyDescent="0.2">
      <c r="A942" s="49">
        <v>479</v>
      </c>
      <c r="B942" s="18" t="s">
        <v>2232</v>
      </c>
      <c r="C942" s="18" t="s">
        <v>2258</v>
      </c>
      <c r="D942" s="18" t="s">
        <v>2259</v>
      </c>
      <c r="E942" s="18" t="s">
        <v>2260</v>
      </c>
      <c r="F942" s="18" t="s">
        <v>2261</v>
      </c>
      <c r="G942" s="18" t="s">
        <v>2262</v>
      </c>
      <c r="H942" s="18" t="s">
        <v>4387</v>
      </c>
    </row>
    <row r="943" spans="1:8" ht="15" customHeight="1" x14ac:dyDescent="0.2">
      <c r="A943" s="49"/>
      <c r="B943" s="20"/>
      <c r="C943" s="20"/>
      <c r="D943" s="20"/>
      <c r="E943" s="20"/>
      <c r="F943" s="20"/>
      <c r="G943" s="21" t="s">
        <v>4388</v>
      </c>
      <c r="H943" s="20"/>
    </row>
    <row r="944" spans="1:8" ht="22.2" customHeight="1" x14ac:dyDescent="0.2">
      <c r="A944" s="49">
        <v>480</v>
      </c>
      <c r="B944" s="18" t="s">
        <v>2232</v>
      </c>
      <c r="C944" s="18" t="s">
        <v>2263</v>
      </c>
      <c r="D944" s="18" t="s">
        <v>2264</v>
      </c>
      <c r="E944" s="18" t="s">
        <v>2265</v>
      </c>
      <c r="F944" s="18" t="s">
        <v>2266</v>
      </c>
      <c r="G944" s="18" t="s">
        <v>2267</v>
      </c>
      <c r="H944" s="18" t="s">
        <v>4389</v>
      </c>
    </row>
    <row r="945" spans="1:8" ht="15" customHeight="1" x14ac:dyDescent="0.2">
      <c r="A945" s="49"/>
      <c r="B945" s="20"/>
      <c r="C945" s="20"/>
      <c r="D945" s="20"/>
      <c r="E945" s="20"/>
      <c r="F945" s="20"/>
      <c r="G945" s="20" t="s">
        <v>4389</v>
      </c>
      <c r="H945" s="20"/>
    </row>
    <row r="946" spans="1:8" ht="22.2" customHeight="1" x14ac:dyDescent="0.2">
      <c r="A946" s="49">
        <v>481</v>
      </c>
      <c r="B946" s="18" t="s">
        <v>2232</v>
      </c>
      <c r="C946" s="18" t="s">
        <v>2268</v>
      </c>
      <c r="D946" s="18" t="s">
        <v>2269</v>
      </c>
      <c r="E946" s="18" t="s">
        <v>2270</v>
      </c>
      <c r="F946" s="18" t="s">
        <v>2271</v>
      </c>
      <c r="G946" s="18" t="s">
        <v>2272</v>
      </c>
      <c r="H946" s="23" t="s">
        <v>3248</v>
      </c>
    </row>
    <row r="947" spans="1:8" ht="15" customHeight="1" x14ac:dyDescent="0.2">
      <c r="A947" s="49"/>
      <c r="B947" s="20"/>
      <c r="C947" s="20"/>
      <c r="D947" s="20"/>
      <c r="E947" s="20"/>
      <c r="F947" s="20"/>
      <c r="G947" s="21" t="s">
        <v>4390</v>
      </c>
      <c r="H947" s="20"/>
    </row>
    <row r="948" spans="1:8" ht="22.2" customHeight="1" x14ac:dyDescent="0.2">
      <c r="A948" s="49">
        <v>482</v>
      </c>
      <c r="B948" s="18" t="s">
        <v>2232</v>
      </c>
      <c r="C948" s="18" t="s">
        <v>2273</v>
      </c>
      <c r="D948" s="18" t="s">
        <v>4812</v>
      </c>
      <c r="E948" s="18" t="s">
        <v>4813</v>
      </c>
      <c r="F948" s="18" t="s">
        <v>2274</v>
      </c>
      <c r="G948" s="18" t="s">
        <v>2275</v>
      </c>
      <c r="H948" s="27" t="s">
        <v>3249</v>
      </c>
    </row>
    <row r="949" spans="1:8" ht="15" customHeight="1" x14ac:dyDescent="0.2">
      <c r="A949" s="49"/>
      <c r="B949" s="20"/>
      <c r="C949" s="20"/>
      <c r="D949" s="20"/>
      <c r="E949" s="20"/>
      <c r="F949" s="20"/>
      <c r="G949" s="21" t="s">
        <v>4391</v>
      </c>
      <c r="H949" s="20"/>
    </row>
    <row r="950" spans="1:8" ht="22.2" customHeight="1" x14ac:dyDescent="0.2">
      <c r="A950" s="49">
        <v>483</v>
      </c>
      <c r="B950" s="18" t="s">
        <v>2232</v>
      </c>
      <c r="C950" s="18" t="s">
        <v>2276</v>
      </c>
      <c r="D950" s="18" t="s">
        <v>2277</v>
      </c>
      <c r="E950" s="18" t="s">
        <v>2278</v>
      </c>
      <c r="F950" s="18" t="s">
        <v>2279</v>
      </c>
      <c r="G950" s="18" t="s">
        <v>2280</v>
      </c>
      <c r="H950" s="18" t="s">
        <v>4392</v>
      </c>
    </row>
    <row r="951" spans="1:8" ht="15" customHeight="1" x14ac:dyDescent="0.2">
      <c r="A951" s="49"/>
      <c r="B951" s="20"/>
      <c r="C951" s="20"/>
      <c r="D951" s="20"/>
      <c r="E951" s="20"/>
      <c r="F951" s="20"/>
      <c r="G951" s="21" t="s">
        <v>4392</v>
      </c>
      <c r="H951" s="20"/>
    </row>
    <row r="952" spans="1:8" ht="22.2" customHeight="1" x14ac:dyDescent="0.2">
      <c r="A952" s="49">
        <v>484</v>
      </c>
      <c r="B952" s="18" t="s">
        <v>2232</v>
      </c>
      <c r="C952" s="18" t="s">
        <v>2281</v>
      </c>
      <c r="D952" s="18" t="s">
        <v>2269</v>
      </c>
      <c r="E952" s="18" t="s">
        <v>2282</v>
      </c>
      <c r="F952" s="18" t="s">
        <v>2283</v>
      </c>
      <c r="G952" s="18" t="s">
        <v>2284</v>
      </c>
      <c r="H952" s="18" t="s">
        <v>4393</v>
      </c>
    </row>
    <row r="953" spans="1:8" ht="15" customHeight="1" x14ac:dyDescent="0.2">
      <c r="A953" s="49"/>
      <c r="B953" s="20"/>
      <c r="C953" s="20"/>
      <c r="D953" s="20"/>
      <c r="E953" s="20"/>
      <c r="F953" s="20"/>
      <c r="G953" s="21" t="s">
        <v>3745</v>
      </c>
      <c r="H953" s="20"/>
    </row>
    <row r="954" spans="1:8" ht="22.2" customHeight="1" x14ac:dyDescent="0.2">
      <c r="A954" s="49">
        <v>485</v>
      </c>
      <c r="B954" s="18" t="s">
        <v>2232</v>
      </c>
      <c r="C954" s="18" t="s">
        <v>2285</v>
      </c>
      <c r="D954" s="18" t="s">
        <v>2286</v>
      </c>
      <c r="E954" s="18" t="s">
        <v>2287</v>
      </c>
      <c r="F954" s="18" t="s">
        <v>2288</v>
      </c>
      <c r="G954" s="18" t="s">
        <v>2289</v>
      </c>
      <c r="H954" s="18" t="s">
        <v>4394</v>
      </c>
    </row>
    <row r="955" spans="1:8" ht="15" customHeight="1" x14ac:dyDescent="0.2">
      <c r="A955" s="49"/>
      <c r="B955" s="20"/>
      <c r="C955" s="20"/>
      <c r="D955" s="20"/>
      <c r="E955" s="20"/>
      <c r="F955" s="20"/>
      <c r="G955" s="21" t="s">
        <v>4395</v>
      </c>
      <c r="H955" s="20"/>
    </row>
    <row r="956" spans="1:8" ht="22.2" customHeight="1" x14ac:dyDescent="0.2">
      <c r="A956" s="49">
        <v>486</v>
      </c>
      <c r="B956" s="18" t="s">
        <v>2232</v>
      </c>
      <c r="C956" s="18" t="s">
        <v>2290</v>
      </c>
      <c r="D956" s="18" t="s">
        <v>2291</v>
      </c>
      <c r="E956" s="18" t="s">
        <v>2292</v>
      </c>
      <c r="F956" s="18" t="s">
        <v>2293</v>
      </c>
      <c r="G956" s="18" t="s">
        <v>2294</v>
      </c>
      <c r="H956" s="18" t="s">
        <v>4396</v>
      </c>
    </row>
    <row r="957" spans="1:8" ht="15" customHeight="1" x14ac:dyDescent="0.2">
      <c r="A957" s="49"/>
      <c r="B957" s="20"/>
      <c r="C957" s="20"/>
      <c r="D957" s="20"/>
      <c r="E957" s="20"/>
      <c r="F957" s="20"/>
      <c r="G957" s="21" t="s">
        <v>4814</v>
      </c>
      <c r="H957" s="20"/>
    </row>
    <row r="958" spans="1:8" ht="22.2" customHeight="1" x14ac:dyDescent="0.2">
      <c r="A958" s="49">
        <v>487</v>
      </c>
      <c r="B958" s="18" t="s">
        <v>2232</v>
      </c>
      <c r="C958" s="18" t="s">
        <v>2295</v>
      </c>
      <c r="D958" s="18" t="s">
        <v>2296</v>
      </c>
      <c r="E958" s="18" t="s">
        <v>2297</v>
      </c>
      <c r="F958" s="18" t="s">
        <v>2298</v>
      </c>
      <c r="G958" s="18" t="s">
        <v>2299</v>
      </c>
      <c r="H958" s="18" t="s">
        <v>4397</v>
      </c>
    </row>
    <row r="959" spans="1:8" ht="15" customHeight="1" x14ac:dyDescent="0.2">
      <c r="A959" s="49"/>
      <c r="B959" s="20"/>
      <c r="C959" s="20"/>
      <c r="D959" s="20"/>
      <c r="E959" s="20"/>
      <c r="F959" s="20"/>
      <c r="G959" s="21" t="s">
        <v>4398</v>
      </c>
      <c r="H959" s="20"/>
    </row>
    <row r="960" spans="1:8" ht="22.2" customHeight="1" x14ac:dyDescent="0.2">
      <c r="A960" s="49">
        <v>488</v>
      </c>
      <c r="B960" s="18" t="s">
        <v>2232</v>
      </c>
      <c r="C960" s="18" t="s">
        <v>2300</v>
      </c>
      <c r="D960" s="18" t="s">
        <v>2301</v>
      </c>
      <c r="E960" s="18" t="s">
        <v>2302</v>
      </c>
      <c r="F960" s="18" t="s">
        <v>2303</v>
      </c>
      <c r="G960" s="18" t="s">
        <v>2262</v>
      </c>
      <c r="H960" s="18" t="s">
        <v>4399</v>
      </c>
    </row>
    <row r="961" spans="1:8" ht="15" customHeight="1" x14ac:dyDescent="0.2">
      <c r="A961" s="49"/>
      <c r="B961" s="20"/>
      <c r="C961" s="20"/>
      <c r="D961" s="20"/>
      <c r="E961" s="20"/>
      <c r="F961" s="20"/>
      <c r="G961" s="21" t="s">
        <v>4388</v>
      </c>
      <c r="H961" s="20"/>
    </row>
    <row r="962" spans="1:8" ht="22.2" customHeight="1" x14ac:dyDescent="0.2">
      <c r="A962" s="49">
        <v>489</v>
      </c>
      <c r="B962" s="18" t="s">
        <v>2232</v>
      </c>
      <c r="C962" s="18" t="s">
        <v>2304</v>
      </c>
      <c r="D962" s="18" t="s">
        <v>2305</v>
      </c>
      <c r="E962" s="18" t="s">
        <v>2306</v>
      </c>
      <c r="F962" s="18" t="s">
        <v>2307</v>
      </c>
      <c r="G962" s="18" t="s">
        <v>2308</v>
      </c>
      <c r="H962" s="18" t="s">
        <v>4400</v>
      </c>
    </row>
    <row r="963" spans="1:8" ht="15" customHeight="1" x14ac:dyDescent="0.2">
      <c r="A963" s="49"/>
      <c r="B963" s="20"/>
      <c r="C963" s="20"/>
      <c r="D963" s="20"/>
      <c r="E963" s="20"/>
      <c r="F963" s="20"/>
      <c r="G963" s="21" t="s">
        <v>4401</v>
      </c>
      <c r="H963" s="20"/>
    </row>
    <row r="964" spans="1:8" ht="22.2" customHeight="1" x14ac:dyDescent="0.2">
      <c r="A964" s="49">
        <v>490</v>
      </c>
      <c r="B964" s="18" t="s">
        <v>2232</v>
      </c>
      <c r="C964" s="18" t="s">
        <v>2309</v>
      </c>
      <c r="D964" s="18" t="s">
        <v>2310</v>
      </c>
      <c r="E964" s="18" t="s">
        <v>2311</v>
      </c>
      <c r="F964" s="18" t="s">
        <v>2312</v>
      </c>
      <c r="G964" s="18" t="s">
        <v>2299</v>
      </c>
      <c r="H964" s="18" t="s">
        <v>4402</v>
      </c>
    </row>
    <row r="965" spans="1:8" ht="15" customHeight="1" x14ac:dyDescent="0.2">
      <c r="A965" s="49"/>
      <c r="B965" s="20"/>
      <c r="C965" s="20"/>
      <c r="D965" s="20"/>
      <c r="E965" s="20"/>
      <c r="F965" s="20"/>
      <c r="G965" s="21" t="s">
        <v>4398</v>
      </c>
      <c r="H965" s="20"/>
    </row>
    <row r="966" spans="1:8" ht="22.2" customHeight="1" x14ac:dyDescent="0.2">
      <c r="A966" s="49">
        <v>491</v>
      </c>
      <c r="B966" s="18" t="s">
        <v>2313</v>
      </c>
      <c r="C966" s="18" t="s">
        <v>2314</v>
      </c>
      <c r="D966" s="18" t="s">
        <v>2315</v>
      </c>
      <c r="E966" s="18" t="s">
        <v>2316</v>
      </c>
      <c r="F966" s="18" t="s">
        <v>2317</v>
      </c>
      <c r="G966" s="18" t="s">
        <v>1568</v>
      </c>
      <c r="H966" s="18" t="s">
        <v>4403</v>
      </c>
    </row>
    <row r="967" spans="1:8" ht="15" customHeight="1" x14ac:dyDescent="0.2">
      <c r="A967" s="49"/>
      <c r="B967" s="20"/>
      <c r="C967" s="20"/>
      <c r="D967" s="20"/>
      <c r="E967" s="20"/>
      <c r="F967" s="20"/>
      <c r="G967" s="21" t="s">
        <v>4404</v>
      </c>
      <c r="H967" s="20"/>
    </row>
    <row r="968" spans="1:8" ht="22.2" customHeight="1" x14ac:dyDescent="0.2">
      <c r="A968" s="49">
        <v>492</v>
      </c>
      <c r="B968" s="18" t="s">
        <v>2313</v>
      </c>
      <c r="C968" s="18" t="s">
        <v>2318</v>
      </c>
      <c r="D968" s="18" t="s">
        <v>2319</v>
      </c>
      <c r="E968" s="18" t="s">
        <v>2320</v>
      </c>
      <c r="F968" s="18" t="s">
        <v>2321</v>
      </c>
      <c r="G968" s="18" t="s">
        <v>186</v>
      </c>
      <c r="H968" s="18" t="s">
        <v>4405</v>
      </c>
    </row>
    <row r="969" spans="1:8" ht="15" customHeight="1" x14ac:dyDescent="0.2">
      <c r="A969" s="49"/>
      <c r="B969" s="20"/>
      <c r="C969" s="20"/>
      <c r="D969" s="20"/>
      <c r="E969" s="20"/>
      <c r="F969" s="20"/>
      <c r="G969" s="21" t="s">
        <v>3795</v>
      </c>
      <c r="H969" s="20"/>
    </row>
    <row r="970" spans="1:8" ht="21.75" customHeight="1" x14ac:dyDescent="0.2">
      <c r="A970" s="49">
        <v>493</v>
      </c>
      <c r="B970" s="18" t="s">
        <v>2313</v>
      </c>
      <c r="C970" s="18" t="s">
        <v>2322</v>
      </c>
      <c r="D970" s="18" t="s">
        <v>2323</v>
      </c>
      <c r="E970" s="18" t="s">
        <v>2324</v>
      </c>
      <c r="F970" s="18" t="s">
        <v>2325</v>
      </c>
      <c r="G970" s="18" t="s">
        <v>2326</v>
      </c>
      <c r="H970" s="18" t="s">
        <v>4406</v>
      </c>
    </row>
    <row r="971" spans="1:8" ht="15" customHeight="1" x14ac:dyDescent="0.2">
      <c r="A971" s="49"/>
      <c r="B971" s="20"/>
      <c r="C971" s="20"/>
      <c r="D971" s="20"/>
      <c r="E971" s="20"/>
      <c r="F971" s="20"/>
      <c r="G971" s="21" t="s">
        <v>4407</v>
      </c>
      <c r="H971" s="20"/>
    </row>
    <row r="972" spans="1:8" ht="21.75" customHeight="1" x14ac:dyDescent="0.2">
      <c r="A972" s="49">
        <v>494</v>
      </c>
      <c r="B972" s="18" t="s">
        <v>2313</v>
      </c>
      <c r="C972" s="18" t="s">
        <v>2327</v>
      </c>
      <c r="D972" s="18" t="s">
        <v>2328</v>
      </c>
      <c r="E972" s="18" t="s">
        <v>2329</v>
      </c>
      <c r="F972" s="18" t="s">
        <v>2330</v>
      </c>
      <c r="G972" s="18" t="s">
        <v>2331</v>
      </c>
      <c r="H972" s="18" t="s">
        <v>4408</v>
      </c>
    </row>
    <row r="973" spans="1:8" ht="15" customHeight="1" x14ac:dyDescent="0.2">
      <c r="A973" s="49"/>
      <c r="B973" s="20"/>
      <c r="C973" s="20"/>
      <c r="D973" s="20"/>
      <c r="E973" s="20"/>
      <c r="F973" s="20"/>
      <c r="G973" s="21" t="s">
        <v>4408</v>
      </c>
      <c r="H973" s="20"/>
    </row>
    <row r="974" spans="1:8" ht="21.75" customHeight="1" x14ac:dyDescent="0.2">
      <c r="A974" s="49">
        <v>495</v>
      </c>
      <c r="B974" s="18" t="s">
        <v>2313</v>
      </c>
      <c r="C974" s="18" t="s">
        <v>2332</v>
      </c>
      <c r="D974" s="18" t="s">
        <v>2333</v>
      </c>
      <c r="E974" s="18" t="s">
        <v>2334</v>
      </c>
      <c r="F974" s="18" t="s">
        <v>2335</v>
      </c>
      <c r="G974" s="18" t="s">
        <v>2336</v>
      </c>
      <c r="H974" s="23" t="s">
        <v>3250</v>
      </c>
    </row>
    <row r="975" spans="1:8" ht="15" customHeight="1" x14ac:dyDescent="0.2">
      <c r="A975" s="49"/>
      <c r="B975" s="20"/>
      <c r="C975" s="20"/>
      <c r="D975" s="20"/>
      <c r="E975" s="20"/>
      <c r="F975" s="20"/>
      <c r="G975" s="21" t="s">
        <v>4409</v>
      </c>
      <c r="H975" s="20"/>
    </row>
    <row r="976" spans="1:8" ht="21.75" customHeight="1" x14ac:dyDescent="0.2">
      <c r="A976" s="49">
        <v>496</v>
      </c>
      <c r="B976" s="18" t="s">
        <v>2313</v>
      </c>
      <c r="C976" s="18" t="s">
        <v>2337</v>
      </c>
      <c r="D976" s="18" t="s">
        <v>2338</v>
      </c>
      <c r="E976" s="18" t="s">
        <v>2339</v>
      </c>
      <c r="F976" s="18" t="s">
        <v>2340</v>
      </c>
      <c r="G976" s="18" t="s">
        <v>2341</v>
      </c>
      <c r="H976" s="18" t="s">
        <v>4410</v>
      </c>
    </row>
    <row r="977" spans="1:8" ht="15" customHeight="1" x14ac:dyDescent="0.2">
      <c r="A977" s="49"/>
      <c r="B977" s="20"/>
      <c r="C977" s="20"/>
      <c r="D977" s="20"/>
      <c r="E977" s="20"/>
      <c r="F977" s="20"/>
      <c r="G977" s="21" t="s">
        <v>4411</v>
      </c>
      <c r="H977" s="20"/>
    </row>
    <row r="978" spans="1:8" ht="21.75" customHeight="1" x14ac:dyDescent="0.2">
      <c r="A978" s="49">
        <v>497</v>
      </c>
      <c r="B978" s="18" t="s">
        <v>2313</v>
      </c>
      <c r="C978" s="18" t="s">
        <v>2342</v>
      </c>
      <c r="D978" s="18" t="s">
        <v>2343</v>
      </c>
      <c r="E978" s="18" t="s">
        <v>2344</v>
      </c>
      <c r="F978" s="18" t="s">
        <v>2345</v>
      </c>
      <c r="G978" s="18" t="s">
        <v>2346</v>
      </c>
      <c r="H978" s="18" t="s">
        <v>4412</v>
      </c>
    </row>
    <row r="979" spans="1:8" ht="15" customHeight="1" x14ac:dyDescent="0.2">
      <c r="A979" s="49"/>
      <c r="B979" s="20"/>
      <c r="C979" s="20"/>
      <c r="D979" s="20"/>
      <c r="E979" s="20"/>
      <c r="F979" s="20"/>
      <c r="G979" s="21" t="s">
        <v>3745</v>
      </c>
      <c r="H979" s="20"/>
    </row>
    <row r="980" spans="1:8" ht="21.75" customHeight="1" x14ac:dyDescent="0.2">
      <c r="A980" s="49">
        <v>498</v>
      </c>
      <c r="B980" s="18" t="s">
        <v>2313</v>
      </c>
      <c r="C980" s="18" t="s">
        <v>2347</v>
      </c>
      <c r="D980" s="18" t="s">
        <v>2348</v>
      </c>
      <c r="E980" s="18" t="s">
        <v>2349</v>
      </c>
      <c r="F980" s="18" t="s">
        <v>2350</v>
      </c>
      <c r="G980" s="18" t="s">
        <v>2351</v>
      </c>
      <c r="H980" s="18" t="s">
        <v>4413</v>
      </c>
    </row>
    <row r="981" spans="1:8" ht="15" customHeight="1" x14ac:dyDescent="0.2">
      <c r="A981" s="49"/>
      <c r="B981" s="20"/>
      <c r="C981" s="20"/>
      <c r="D981" s="20"/>
      <c r="E981" s="20"/>
      <c r="F981" s="20"/>
      <c r="G981" s="21" t="s">
        <v>4414</v>
      </c>
      <c r="H981" s="20"/>
    </row>
    <row r="982" spans="1:8" ht="21.75" customHeight="1" x14ac:dyDescent="0.2">
      <c r="A982" s="49">
        <v>499</v>
      </c>
      <c r="B982" s="18" t="s">
        <v>2313</v>
      </c>
      <c r="C982" s="18" t="s">
        <v>3739</v>
      </c>
      <c r="D982" s="18" t="s">
        <v>2352</v>
      </c>
      <c r="E982" s="18" t="s">
        <v>2353</v>
      </c>
      <c r="F982" s="18" t="s">
        <v>2354</v>
      </c>
      <c r="G982" s="18" t="s">
        <v>2355</v>
      </c>
      <c r="H982" s="21" t="s">
        <v>2356</v>
      </c>
    </row>
    <row r="983" spans="1:8" ht="15" customHeight="1" x14ac:dyDescent="0.2">
      <c r="A983" s="49"/>
      <c r="B983" s="20"/>
      <c r="C983" s="20"/>
      <c r="D983" s="20"/>
      <c r="E983" s="20"/>
      <c r="F983" s="20"/>
      <c r="G983" s="21" t="s">
        <v>2356</v>
      </c>
      <c r="H983" s="20"/>
    </row>
    <row r="984" spans="1:8" ht="21.75" customHeight="1" x14ac:dyDescent="0.2">
      <c r="A984" s="49">
        <v>500</v>
      </c>
      <c r="B984" s="18" t="s">
        <v>2313</v>
      </c>
      <c r="C984" s="18" t="s">
        <v>2357</v>
      </c>
      <c r="D984" s="18" t="s">
        <v>2358</v>
      </c>
      <c r="E984" s="18" t="s">
        <v>2359</v>
      </c>
      <c r="F984" s="18" t="s">
        <v>2360</v>
      </c>
      <c r="G984" s="18" t="s">
        <v>2361</v>
      </c>
      <c r="H984" s="18" t="s">
        <v>4415</v>
      </c>
    </row>
    <row r="985" spans="1:8" ht="15" customHeight="1" x14ac:dyDescent="0.2">
      <c r="A985" s="49"/>
      <c r="B985" s="20"/>
      <c r="C985" s="20"/>
      <c r="D985" s="20"/>
      <c r="E985" s="20"/>
      <c r="F985" s="20"/>
      <c r="G985" s="21" t="s">
        <v>4416</v>
      </c>
      <c r="H985" s="20"/>
    </row>
    <row r="986" spans="1:8" ht="21.75" customHeight="1" x14ac:dyDescent="0.2">
      <c r="A986" s="49">
        <v>502</v>
      </c>
      <c r="B986" s="18" t="s">
        <v>2313</v>
      </c>
      <c r="C986" s="18" t="s">
        <v>2364</v>
      </c>
      <c r="D986" s="18" t="s">
        <v>2365</v>
      </c>
      <c r="E986" s="18" t="s">
        <v>2366</v>
      </c>
      <c r="F986" s="18" t="s">
        <v>2367</v>
      </c>
      <c r="G986" s="18" t="s">
        <v>2368</v>
      </c>
      <c r="H986" s="18" t="s">
        <v>4418</v>
      </c>
    </row>
    <row r="987" spans="1:8" ht="15" customHeight="1" x14ac:dyDescent="0.2">
      <c r="A987" s="49"/>
      <c r="B987" s="20"/>
      <c r="C987" s="20"/>
      <c r="D987" s="20"/>
      <c r="E987" s="20"/>
      <c r="F987" s="20"/>
      <c r="G987" s="21" t="s">
        <v>3745</v>
      </c>
      <c r="H987" s="20"/>
    </row>
    <row r="988" spans="1:8" ht="21.75" customHeight="1" x14ac:dyDescent="0.2">
      <c r="A988" s="49">
        <v>503</v>
      </c>
      <c r="B988" s="18" t="s">
        <v>2313</v>
      </c>
      <c r="C988" s="18" t="s">
        <v>2369</v>
      </c>
      <c r="D988" s="18" t="s">
        <v>2370</v>
      </c>
      <c r="E988" s="18" t="s">
        <v>2371</v>
      </c>
      <c r="F988" s="18" t="s">
        <v>2372</v>
      </c>
      <c r="G988" s="18" t="s">
        <v>2373</v>
      </c>
      <c r="H988" s="18" t="s">
        <v>4419</v>
      </c>
    </row>
    <row r="989" spans="1:8" ht="15" customHeight="1" x14ac:dyDescent="0.2">
      <c r="A989" s="49"/>
      <c r="B989" s="20"/>
      <c r="C989" s="20"/>
      <c r="D989" s="20"/>
      <c r="E989" s="20"/>
      <c r="F989" s="20"/>
      <c r="G989" s="21" t="s">
        <v>3745</v>
      </c>
      <c r="H989" s="20"/>
    </row>
    <row r="990" spans="1:8" ht="21.75" customHeight="1" x14ac:dyDescent="0.2">
      <c r="A990" s="49">
        <v>504</v>
      </c>
      <c r="B990" s="18" t="s">
        <v>2313</v>
      </c>
      <c r="C990" s="18" t="s">
        <v>2374</v>
      </c>
      <c r="D990" s="18" t="s">
        <v>2323</v>
      </c>
      <c r="E990" s="18" t="s">
        <v>2375</v>
      </c>
      <c r="F990" s="18" t="s">
        <v>2376</v>
      </c>
      <c r="G990" s="18" t="s">
        <v>2377</v>
      </c>
      <c r="H990" s="18" t="s">
        <v>4815</v>
      </c>
    </row>
    <row r="991" spans="1:8" ht="15" customHeight="1" x14ac:dyDescent="0.2">
      <c r="A991" s="49"/>
      <c r="B991" s="20"/>
      <c r="C991" s="20"/>
      <c r="D991" s="20"/>
      <c r="E991" s="20"/>
      <c r="F991" s="20"/>
      <c r="G991" s="21" t="s">
        <v>4420</v>
      </c>
      <c r="H991" s="20"/>
    </row>
    <row r="992" spans="1:8" ht="21.75" customHeight="1" x14ac:dyDescent="0.2">
      <c r="A992" s="49">
        <v>505</v>
      </c>
      <c r="B992" s="18" t="s">
        <v>2313</v>
      </c>
      <c r="C992" s="18" t="s">
        <v>2378</v>
      </c>
      <c r="D992" s="18" t="s">
        <v>2343</v>
      </c>
      <c r="E992" s="18" t="s">
        <v>2379</v>
      </c>
      <c r="F992" s="18" t="s">
        <v>2380</v>
      </c>
      <c r="G992" s="18" t="s">
        <v>2381</v>
      </c>
      <c r="H992" s="18" t="s">
        <v>4421</v>
      </c>
    </row>
    <row r="993" spans="1:8" ht="15" customHeight="1" x14ac:dyDescent="0.2">
      <c r="A993" s="49"/>
      <c r="B993" s="20"/>
      <c r="C993" s="20"/>
      <c r="D993" s="20"/>
      <c r="E993" s="20"/>
      <c r="F993" s="20"/>
      <c r="G993" s="21" t="s">
        <v>4422</v>
      </c>
      <c r="H993" s="20"/>
    </row>
    <row r="994" spans="1:8" ht="21.75" customHeight="1" x14ac:dyDescent="0.2">
      <c r="A994" s="49">
        <v>506</v>
      </c>
      <c r="B994" s="18" t="s">
        <v>2313</v>
      </c>
      <c r="C994" s="18" t="s">
        <v>2382</v>
      </c>
      <c r="D994" s="18" t="s">
        <v>2348</v>
      </c>
      <c r="E994" s="18" t="s">
        <v>2383</v>
      </c>
      <c r="F994" s="18" t="s">
        <v>2384</v>
      </c>
      <c r="G994" s="18" t="s">
        <v>1986</v>
      </c>
      <c r="H994" s="18" t="s">
        <v>4311</v>
      </c>
    </row>
    <row r="995" spans="1:8" ht="15" customHeight="1" x14ac:dyDescent="0.2">
      <c r="A995" s="49"/>
      <c r="B995" s="20"/>
      <c r="C995" s="20"/>
      <c r="D995" s="20"/>
      <c r="E995" s="20"/>
      <c r="F995" s="20"/>
      <c r="G995" s="21" t="s">
        <v>4311</v>
      </c>
      <c r="H995" s="20"/>
    </row>
    <row r="996" spans="1:8" ht="21.75" customHeight="1" x14ac:dyDescent="0.2">
      <c r="A996" s="49">
        <v>507</v>
      </c>
      <c r="B996" s="18" t="s">
        <v>2385</v>
      </c>
      <c r="C996" s="18" t="s">
        <v>2386</v>
      </c>
      <c r="D996" s="18" t="s">
        <v>2387</v>
      </c>
      <c r="E996" s="18" t="s">
        <v>2388</v>
      </c>
      <c r="F996" s="18" t="s">
        <v>2389</v>
      </c>
      <c r="G996" s="18" t="s">
        <v>2390</v>
      </c>
      <c r="H996" s="18" t="s">
        <v>4423</v>
      </c>
    </row>
    <row r="997" spans="1:8" ht="15" customHeight="1" x14ac:dyDescent="0.2">
      <c r="A997" s="49"/>
      <c r="B997" s="20"/>
      <c r="C997" s="20"/>
      <c r="D997" s="20"/>
      <c r="E997" s="20"/>
      <c r="F997" s="20"/>
      <c r="G997" s="21" t="s">
        <v>4423</v>
      </c>
      <c r="H997" s="20"/>
    </row>
    <row r="998" spans="1:8" ht="21.75" customHeight="1" x14ac:dyDescent="0.2">
      <c r="A998" s="49">
        <v>508</v>
      </c>
      <c r="B998" s="18" t="s">
        <v>2385</v>
      </c>
      <c r="C998" s="18" t="s">
        <v>2391</v>
      </c>
      <c r="D998" s="18" t="s">
        <v>2392</v>
      </c>
      <c r="E998" s="18" t="s">
        <v>2393</v>
      </c>
      <c r="F998" s="18" t="s">
        <v>2394</v>
      </c>
      <c r="G998" s="18" t="s">
        <v>2395</v>
      </c>
      <c r="H998" s="18" t="s">
        <v>4424</v>
      </c>
    </row>
    <row r="999" spans="1:8" ht="15" customHeight="1" x14ac:dyDescent="0.2">
      <c r="A999" s="49"/>
      <c r="B999" s="20"/>
      <c r="C999" s="20"/>
      <c r="D999" s="20"/>
      <c r="E999" s="20"/>
      <c r="F999" s="20"/>
      <c r="G999" s="21" t="s">
        <v>4424</v>
      </c>
      <c r="H999" s="20"/>
    </row>
    <row r="1000" spans="1:8" ht="21.75" customHeight="1" x14ac:dyDescent="0.2">
      <c r="A1000" s="49">
        <v>509</v>
      </c>
      <c r="B1000" s="18" t="s">
        <v>2385</v>
      </c>
      <c r="C1000" s="18" t="s">
        <v>2396</v>
      </c>
      <c r="D1000" s="18" t="s">
        <v>2397</v>
      </c>
      <c r="E1000" s="18" t="s">
        <v>2398</v>
      </c>
      <c r="F1000" s="18" t="s">
        <v>2399</v>
      </c>
      <c r="G1000" s="18" t="s">
        <v>2400</v>
      </c>
      <c r="H1000" s="18" t="s">
        <v>4425</v>
      </c>
    </row>
    <row r="1001" spans="1:8" ht="15" customHeight="1" x14ac:dyDescent="0.2">
      <c r="A1001" s="49"/>
      <c r="B1001" s="20"/>
      <c r="C1001" s="20"/>
      <c r="D1001" s="20"/>
      <c r="E1001" s="20"/>
      <c r="F1001" s="20"/>
      <c r="G1001" s="21" t="s">
        <v>4426</v>
      </c>
      <c r="H1001" s="20"/>
    </row>
    <row r="1002" spans="1:8" ht="21.75" customHeight="1" x14ac:dyDescent="0.2">
      <c r="A1002" s="49">
        <v>510</v>
      </c>
      <c r="B1002" s="18" t="s">
        <v>2385</v>
      </c>
      <c r="C1002" s="18" t="s">
        <v>2401</v>
      </c>
      <c r="D1002" s="18" t="s">
        <v>2402</v>
      </c>
      <c r="E1002" s="18" t="s">
        <v>2403</v>
      </c>
      <c r="F1002" s="18" t="s">
        <v>2404</v>
      </c>
      <c r="G1002" s="18" t="s">
        <v>885</v>
      </c>
      <c r="H1002" s="18" t="s">
        <v>4427</v>
      </c>
    </row>
    <row r="1003" spans="1:8" ht="15" customHeight="1" x14ac:dyDescent="0.2">
      <c r="A1003" s="49"/>
      <c r="B1003" s="20"/>
      <c r="C1003" s="20"/>
      <c r="D1003" s="20"/>
      <c r="E1003" s="20"/>
      <c r="F1003" s="20"/>
      <c r="G1003" s="21" t="s">
        <v>2145</v>
      </c>
      <c r="H1003" s="20"/>
    </row>
    <row r="1004" spans="1:8" ht="21.75" customHeight="1" x14ac:dyDescent="0.2">
      <c r="A1004" s="49">
        <v>511</v>
      </c>
      <c r="B1004" s="18" t="s">
        <v>2385</v>
      </c>
      <c r="C1004" s="18" t="s">
        <v>2405</v>
      </c>
      <c r="D1004" s="18" t="s">
        <v>2402</v>
      </c>
      <c r="E1004" s="18" t="s">
        <v>2406</v>
      </c>
      <c r="F1004" s="18" t="s">
        <v>2407</v>
      </c>
      <c r="G1004" s="18" t="s">
        <v>2408</v>
      </c>
      <c r="H1004" s="18" t="s">
        <v>4428</v>
      </c>
    </row>
    <row r="1005" spans="1:8" ht="15" customHeight="1" x14ac:dyDescent="0.2">
      <c r="A1005" s="49"/>
      <c r="B1005" s="20"/>
      <c r="C1005" s="20"/>
      <c r="D1005" s="20"/>
      <c r="E1005" s="20"/>
      <c r="F1005" s="20"/>
      <c r="G1005" s="21" t="s">
        <v>4429</v>
      </c>
      <c r="H1005" s="20"/>
    </row>
    <row r="1006" spans="1:8" ht="21.75" customHeight="1" x14ac:dyDescent="0.2">
      <c r="A1006" s="49">
        <v>512</v>
      </c>
      <c r="B1006" s="18" t="s">
        <v>2409</v>
      </c>
      <c r="C1006" s="18" t="s">
        <v>2410</v>
      </c>
      <c r="D1006" s="18" t="s">
        <v>2411</v>
      </c>
      <c r="E1006" s="18" t="s">
        <v>4822</v>
      </c>
      <c r="F1006" s="18" t="s">
        <v>2412</v>
      </c>
      <c r="G1006" s="18" t="s">
        <v>2413</v>
      </c>
      <c r="H1006" s="18" t="s">
        <v>4816</v>
      </c>
    </row>
    <row r="1007" spans="1:8" ht="15" customHeight="1" x14ac:dyDescent="0.2">
      <c r="A1007" s="49"/>
      <c r="B1007" s="20"/>
      <c r="C1007" s="20"/>
      <c r="D1007" s="20"/>
      <c r="E1007" s="20"/>
      <c r="F1007" s="20"/>
      <c r="G1007" s="21" t="s">
        <v>4817</v>
      </c>
      <c r="H1007" s="20"/>
    </row>
    <row r="1008" spans="1:8" ht="21.75" customHeight="1" x14ac:dyDescent="0.2">
      <c r="A1008" s="49">
        <v>513</v>
      </c>
      <c r="B1008" s="18" t="s">
        <v>2409</v>
      </c>
      <c r="C1008" s="18" t="s">
        <v>2414</v>
      </c>
      <c r="D1008" s="18" t="s">
        <v>2415</v>
      </c>
      <c r="E1008" s="18" t="s">
        <v>2416</v>
      </c>
      <c r="F1008" s="18" t="s">
        <v>2417</v>
      </c>
      <c r="G1008" s="18" t="s">
        <v>2418</v>
      </c>
      <c r="H1008" s="18" t="s">
        <v>4430</v>
      </c>
    </row>
    <row r="1009" spans="1:8" ht="15" customHeight="1" x14ac:dyDescent="0.2">
      <c r="A1009" s="49"/>
      <c r="B1009" s="20"/>
      <c r="C1009" s="20"/>
      <c r="D1009" s="20"/>
      <c r="E1009" s="20"/>
      <c r="F1009" s="20"/>
      <c r="G1009" s="21" t="s">
        <v>3745</v>
      </c>
      <c r="H1009" s="20"/>
    </row>
    <row r="1010" spans="1:8" ht="21.75" customHeight="1" x14ac:dyDescent="0.2">
      <c r="A1010" s="49">
        <v>514</v>
      </c>
      <c r="B1010" s="18" t="s">
        <v>2409</v>
      </c>
      <c r="C1010" s="18" t="s">
        <v>2419</v>
      </c>
      <c r="D1010" s="18" t="s">
        <v>2420</v>
      </c>
      <c r="E1010" s="18" t="s">
        <v>2421</v>
      </c>
      <c r="F1010" s="18" t="s">
        <v>2422</v>
      </c>
      <c r="G1010" s="18" t="s">
        <v>2423</v>
      </c>
      <c r="H1010" s="18" t="s">
        <v>4431</v>
      </c>
    </row>
    <row r="1011" spans="1:8" ht="15" customHeight="1" x14ac:dyDescent="0.2">
      <c r="A1011" s="49"/>
      <c r="B1011" s="20"/>
      <c r="C1011" s="20"/>
      <c r="D1011" s="20"/>
      <c r="E1011" s="20"/>
      <c r="F1011" s="20"/>
      <c r="G1011" s="21" t="s">
        <v>3745</v>
      </c>
      <c r="H1011" s="20"/>
    </row>
    <row r="1012" spans="1:8" ht="21.75" customHeight="1" x14ac:dyDescent="0.2">
      <c r="A1012" s="49">
        <v>515</v>
      </c>
      <c r="B1012" s="18" t="s">
        <v>2409</v>
      </c>
      <c r="C1012" s="18" t="s">
        <v>2424</v>
      </c>
      <c r="D1012" s="18" t="s">
        <v>2425</v>
      </c>
      <c r="E1012" s="18" t="s">
        <v>2426</v>
      </c>
      <c r="F1012" s="18" t="s">
        <v>2427</v>
      </c>
      <c r="G1012" s="18" t="s">
        <v>2428</v>
      </c>
      <c r="H1012" s="18" t="s">
        <v>4818</v>
      </c>
    </row>
    <row r="1013" spans="1:8" ht="15" customHeight="1" x14ac:dyDescent="0.2">
      <c r="A1013" s="49"/>
      <c r="B1013" s="20"/>
      <c r="C1013" s="20"/>
      <c r="D1013" s="20"/>
      <c r="E1013" s="20"/>
      <c r="F1013" s="20"/>
      <c r="G1013" s="21" t="s">
        <v>4432</v>
      </c>
      <c r="H1013" s="20"/>
    </row>
    <row r="1014" spans="1:8" ht="21.75" customHeight="1" x14ac:dyDescent="0.2">
      <c r="A1014" s="49">
        <v>516</v>
      </c>
      <c r="B1014" s="18" t="s">
        <v>2409</v>
      </c>
      <c r="C1014" s="18" t="s">
        <v>2429</v>
      </c>
      <c r="D1014" s="18" t="s">
        <v>2430</v>
      </c>
      <c r="E1014" s="18" t="s">
        <v>2431</v>
      </c>
      <c r="F1014" s="18" t="s">
        <v>2432</v>
      </c>
      <c r="G1014" s="18" t="s">
        <v>2433</v>
      </c>
      <c r="H1014" s="23" t="s">
        <v>3251</v>
      </c>
    </row>
    <row r="1015" spans="1:8" ht="15" customHeight="1" x14ac:dyDescent="0.2">
      <c r="A1015" s="49"/>
      <c r="B1015" s="20"/>
      <c r="C1015" s="20"/>
      <c r="D1015" s="20"/>
      <c r="E1015" s="20"/>
      <c r="F1015" s="20"/>
      <c r="G1015" s="21" t="s">
        <v>4433</v>
      </c>
      <c r="H1015" s="20"/>
    </row>
    <row r="1016" spans="1:8" ht="21.75" customHeight="1" x14ac:dyDescent="0.2">
      <c r="A1016" s="49">
        <v>517</v>
      </c>
      <c r="B1016" s="18" t="s">
        <v>2409</v>
      </c>
      <c r="C1016" s="18" t="s">
        <v>2434</v>
      </c>
      <c r="D1016" s="18" t="s">
        <v>2435</v>
      </c>
      <c r="E1016" s="18" t="s">
        <v>2436</v>
      </c>
      <c r="F1016" s="18" t="s">
        <v>2437</v>
      </c>
      <c r="G1016" s="18" t="s">
        <v>2438</v>
      </c>
      <c r="H1016" s="27" t="s">
        <v>3252</v>
      </c>
    </row>
    <row r="1017" spans="1:8" ht="15" customHeight="1" x14ac:dyDescent="0.2">
      <c r="A1017" s="49"/>
      <c r="B1017" s="20"/>
      <c r="C1017" s="20"/>
      <c r="D1017" s="20"/>
      <c r="E1017" s="20"/>
      <c r="F1017" s="20"/>
      <c r="G1017" s="21" t="s">
        <v>4434</v>
      </c>
      <c r="H1017" s="20"/>
    </row>
    <row r="1018" spans="1:8" ht="21.75" customHeight="1" x14ac:dyDescent="0.2">
      <c r="A1018" s="49">
        <v>518</v>
      </c>
      <c r="B1018" s="18" t="s">
        <v>2409</v>
      </c>
      <c r="C1018" s="18" t="s">
        <v>2439</v>
      </c>
      <c r="D1018" s="18" t="s">
        <v>2430</v>
      </c>
      <c r="E1018" s="18" t="s">
        <v>2440</v>
      </c>
      <c r="F1018" s="18" t="s">
        <v>2441</v>
      </c>
      <c r="G1018" s="18" t="s">
        <v>2433</v>
      </c>
      <c r="H1018" s="18" t="s">
        <v>4435</v>
      </c>
    </row>
    <row r="1019" spans="1:8" ht="15" customHeight="1" x14ac:dyDescent="0.2">
      <c r="A1019" s="49"/>
      <c r="B1019" s="20"/>
      <c r="C1019" s="20"/>
      <c r="D1019" s="20"/>
      <c r="E1019" s="20"/>
      <c r="F1019" s="20"/>
      <c r="G1019" s="21" t="s">
        <v>4433</v>
      </c>
      <c r="H1019" s="20"/>
    </row>
    <row r="1020" spans="1:8" ht="21.75" customHeight="1" x14ac:dyDescent="0.2">
      <c r="A1020" s="49">
        <v>519</v>
      </c>
      <c r="B1020" s="18" t="s">
        <v>2442</v>
      </c>
      <c r="C1020" s="18" t="s">
        <v>2443</v>
      </c>
      <c r="D1020" s="18" t="s">
        <v>2444</v>
      </c>
      <c r="E1020" s="18" t="s">
        <v>2445</v>
      </c>
      <c r="F1020" s="18" t="s">
        <v>2446</v>
      </c>
      <c r="G1020" s="18" t="s">
        <v>2447</v>
      </c>
      <c r="H1020" s="18" t="s">
        <v>3743</v>
      </c>
    </row>
    <row r="1021" spans="1:8" ht="15" customHeight="1" x14ac:dyDescent="0.2">
      <c r="A1021" s="49"/>
      <c r="B1021" s="20"/>
      <c r="C1021" s="20"/>
      <c r="D1021" s="20"/>
      <c r="E1021" s="20"/>
      <c r="F1021" s="20"/>
      <c r="G1021" s="21" t="s">
        <v>4436</v>
      </c>
      <c r="H1021" s="20"/>
    </row>
    <row r="1022" spans="1:8" ht="21.75" customHeight="1" x14ac:dyDescent="0.2">
      <c r="A1022" s="49">
        <v>520</v>
      </c>
      <c r="B1022" s="18" t="s">
        <v>2442</v>
      </c>
      <c r="C1022" s="18" t="s">
        <v>2448</v>
      </c>
      <c r="D1022" s="18" t="s">
        <v>2449</v>
      </c>
      <c r="E1022" s="18" t="s">
        <v>2450</v>
      </c>
      <c r="F1022" s="18" t="s">
        <v>2451</v>
      </c>
      <c r="G1022" s="18" t="s">
        <v>2452</v>
      </c>
      <c r="H1022" s="18" t="s">
        <v>4437</v>
      </c>
    </row>
    <row r="1023" spans="1:8" ht="15" customHeight="1" x14ac:dyDescent="0.2">
      <c r="A1023" s="49"/>
      <c r="B1023" s="20"/>
      <c r="C1023" s="20"/>
      <c r="D1023" s="20"/>
      <c r="E1023" s="20"/>
      <c r="F1023" s="20"/>
      <c r="G1023" s="20" t="s">
        <v>4438</v>
      </c>
      <c r="H1023" s="20"/>
    </row>
    <row r="1024" spans="1:8" ht="21.75" customHeight="1" x14ac:dyDescent="0.2">
      <c r="A1024" s="49">
        <v>521</v>
      </c>
      <c r="B1024" s="18" t="s">
        <v>2442</v>
      </c>
      <c r="C1024" s="18" t="s">
        <v>2453</v>
      </c>
      <c r="D1024" s="18" t="s">
        <v>2454</v>
      </c>
      <c r="E1024" s="18" t="s">
        <v>2455</v>
      </c>
      <c r="F1024" s="18" t="s">
        <v>2456</v>
      </c>
      <c r="G1024" s="18" t="s">
        <v>2457</v>
      </c>
      <c r="H1024" s="18" t="s">
        <v>4439</v>
      </c>
    </row>
    <row r="1025" spans="1:8" ht="15" customHeight="1" x14ac:dyDescent="0.2">
      <c r="A1025" s="49"/>
      <c r="B1025" s="20"/>
      <c r="C1025" s="20"/>
      <c r="D1025" s="20"/>
      <c r="E1025" s="20"/>
      <c r="F1025" s="20"/>
      <c r="G1025" s="21" t="s">
        <v>4439</v>
      </c>
      <c r="H1025" s="20"/>
    </row>
    <row r="1026" spans="1:8" ht="21.75" customHeight="1" x14ac:dyDescent="0.2">
      <c r="A1026" s="49">
        <v>522</v>
      </c>
      <c r="B1026" s="18" t="s">
        <v>2442</v>
      </c>
      <c r="C1026" s="18" t="s">
        <v>2458</v>
      </c>
      <c r="D1026" s="18" t="s">
        <v>2459</v>
      </c>
      <c r="E1026" s="18" t="s">
        <v>2460</v>
      </c>
      <c r="F1026" s="18" t="s">
        <v>2461</v>
      </c>
      <c r="G1026" s="18" t="s">
        <v>2462</v>
      </c>
      <c r="H1026" s="18" t="s">
        <v>4892</v>
      </c>
    </row>
    <row r="1027" spans="1:8" ht="15" customHeight="1" x14ac:dyDescent="0.2">
      <c r="A1027" s="49"/>
      <c r="B1027" s="20"/>
      <c r="C1027" s="20"/>
      <c r="D1027" s="20"/>
      <c r="E1027" s="20"/>
      <c r="F1027" s="20"/>
      <c r="G1027" s="21" t="s">
        <v>4892</v>
      </c>
      <c r="H1027" s="20"/>
    </row>
    <row r="1028" spans="1:8" ht="21.75" customHeight="1" x14ac:dyDescent="0.2">
      <c r="A1028" s="49">
        <v>523</v>
      </c>
      <c r="B1028" s="18" t="s">
        <v>2442</v>
      </c>
      <c r="C1028" s="18" t="s">
        <v>2463</v>
      </c>
      <c r="D1028" s="18" t="s">
        <v>3740</v>
      </c>
      <c r="E1028" s="18" t="s">
        <v>2464</v>
      </c>
      <c r="F1028" s="18" t="s">
        <v>2465</v>
      </c>
      <c r="G1028" s="18" t="s">
        <v>2466</v>
      </c>
      <c r="H1028" s="18" t="s">
        <v>4440</v>
      </c>
    </row>
    <row r="1029" spans="1:8" ht="15" customHeight="1" x14ac:dyDescent="0.2">
      <c r="A1029" s="49"/>
      <c r="B1029" s="20"/>
      <c r="C1029" s="20"/>
      <c r="D1029" s="20"/>
      <c r="E1029" s="20"/>
      <c r="F1029" s="20"/>
      <c r="G1029" s="21" t="s">
        <v>4441</v>
      </c>
      <c r="H1029" s="20"/>
    </row>
    <row r="1030" spans="1:8" ht="21.75" customHeight="1" x14ac:dyDescent="0.2">
      <c r="A1030" s="49">
        <v>524</v>
      </c>
      <c r="B1030" s="18" t="s">
        <v>2442</v>
      </c>
      <c r="C1030" s="18" t="s">
        <v>2467</v>
      </c>
      <c r="D1030" s="18" t="s">
        <v>2468</v>
      </c>
      <c r="E1030" s="18" t="s">
        <v>2469</v>
      </c>
      <c r="F1030" s="18" t="s">
        <v>2470</v>
      </c>
      <c r="G1030" s="18" t="s">
        <v>2471</v>
      </c>
      <c r="H1030" s="18" t="s">
        <v>4442</v>
      </c>
    </row>
    <row r="1031" spans="1:8" ht="15" customHeight="1" x14ac:dyDescent="0.2">
      <c r="A1031" s="49"/>
      <c r="B1031" s="20"/>
      <c r="C1031" s="20"/>
      <c r="D1031" s="20"/>
      <c r="E1031" s="20"/>
      <c r="F1031" s="20"/>
      <c r="G1031" s="21" t="s">
        <v>4443</v>
      </c>
      <c r="H1031" s="20"/>
    </row>
    <row r="1032" spans="1:8" ht="21.75" customHeight="1" x14ac:dyDescent="0.2">
      <c r="A1032" s="49">
        <v>525</v>
      </c>
      <c r="B1032" s="18" t="s">
        <v>2442</v>
      </c>
      <c r="C1032" s="18" t="s">
        <v>2472</v>
      </c>
      <c r="D1032" s="18" t="s">
        <v>2473</v>
      </c>
      <c r="E1032" s="18" t="s">
        <v>2474</v>
      </c>
      <c r="F1032" s="18" t="s">
        <v>2475</v>
      </c>
      <c r="G1032" s="22" t="s">
        <v>2476</v>
      </c>
      <c r="H1032" s="18" t="s">
        <v>4444</v>
      </c>
    </row>
    <row r="1033" spans="1:8" ht="15" customHeight="1" x14ac:dyDescent="0.2">
      <c r="A1033" s="49"/>
      <c r="B1033" s="20"/>
      <c r="C1033" s="20"/>
      <c r="D1033" s="20"/>
      <c r="E1033" s="20"/>
      <c r="F1033" s="20"/>
      <c r="G1033" s="21" t="s">
        <v>3745</v>
      </c>
      <c r="H1033" s="20"/>
    </row>
    <row r="1034" spans="1:8" ht="21.75" customHeight="1" x14ac:dyDescent="0.2">
      <c r="A1034" s="49">
        <v>526</v>
      </c>
      <c r="B1034" s="18" t="s">
        <v>2442</v>
      </c>
      <c r="C1034" s="18" t="s">
        <v>2477</v>
      </c>
      <c r="D1034" s="18" t="s">
        <v>2478</v>
      </c>
      <c r="E1034" s="18" t="s">
        <v>2479</v>
      </c>
      <c r="F1034" s="18" t="s">
        <v>2480</v>
      </c>
      <c r="G1034" s="18" t="s">
        <v>2481</v>
      </c>
      <c r="H1034" s="18" t="s">
        <v>4445</v>
      </c>
    </row>
    <row r="1035" spans="1:8" ht="15" customHeight="1" x14ac:dyDescent="0.2">
      <c r="A1035" s="49"/>
      <c r="B1035" s="20"/>
      <c r="C1035" s="20"/>
      <c r="D1035" s="20"/>
      <c r="E1035" s="20"/>
      <c r="F1035" s="20"/>
      <c r="G1035" s="21" t="s">
        <v>4446</v>
      </c>
      <c r="H1035" s="20"/>
    </row>
    <row r="1036" spans="1:8" ht="21.75" customHeight="1" x14ac:dyDescent="0.2">
      <c r="A1036" s="49">
        <v>527</v>
      </c>
      <c r="B1036" s="18" t="s">
        <v>2442</v>
      </c>
      <c r="C1036" s="18" t="s">
        <v>2482</v>
      </c>
      <c r="D1036" s="18" t="s">
        <v>3741</v>
      </c>
      <c r="E1036" s="18" t="s">
        <v>2483</v>
      </c>
      <c r="F1036" s="18" t="s">
        <v>2484</v>
      </c>
      <c r="G1036" s="18" t="s">
        <v>2485</v>
      </c>
      <c r="H1036" s="18" t="s">
        <v>4447</v>
      </c>
    </row>
    <row r="1037" spans="1:8" ht="15" customHeight="1" x14ac:dyDescent="0.2">
      <c r="A1037" s="49"/>
      <c r="B1037" s="20"/>
      <c r="C1037" s="20"/>
      <c r="D1037" s="20"/>
      <c r="E1037" s="20"/>
      <c r="F1037" s="20"/>
      <c r="G1037" s="21" t="s">
        <v>4819</v>
      </c>
      <c r="H1037" s="20"/>
    </row>
    <row r="1038" spans="1:8" ht="21.75" customHeight="1" x14ac:dyDescent="0.2">
      <c r="A1038" s="49">
        <v>528</v>
      </c>
      <c r="B1038" s="18" t="s">
        <v>2486</v>
      </c>
      <c r="C1038" s="18" t="s">
        <v>2487</v>
      </c>
      <c r="D1038" s="18" t="s">
        <v>2488</v>
      </c>
      <c r="E1038" s="18" t="s">
        <v>2489</v>
      </c>
      <c r="F1038" s="18" t="s">
        <v>2490</v>
      </c>
      <c r="G1038" s="18" t="s">
        <v>2491</v>
      </c>
      <c r="H1038" s="18" t="s">
        <v>4448</v>
      </c>
    </row>
    <row r="1039" spans="1:8" ht="15" customHeight="1" x14ac:dyDescent="0.2">
      <c r="A1039" s="49"/>
      <c r="B1039" s="20"/>
      <c r="C1039" s="20"/>
      <c r="D1039" s="20"/>
      <c r="E1039" s="20"/>
      <c r="F1039" s="20"/>
      <c r="G1039" s="21" t="s">
        <v>4449</v>
      </c>
      <c r="H1039" s="20"/>
    </row>
    <row r="1040" spans="1:8" ht="21.75" customHeight="1" x14ac:dyDescent="0.2">
      <c r="A1040" s="49">
        <v>529</v>
      </c>
      <c r="B1040" s="18" t="s">
        <v>2492</v>
      </c>
      <c r="C1040" s="18" t="s">
        <v>2493</v>
      </c>
      <c r="D1040" s="18" t="s">
        <v>2494</v>
      </c>
      <c r="E1040" s="18" t="s">
        <v>2495</v>
      </c>
      <c r="F1040" s="18" t="s">
        <v>2496</v>
      </c>
      <c r="G1040" s="18" t="s">
        <v>2076</v>
      </c>
      <c r="H1040" s="18" t="s">
        <v>3710</v>
      </c>
    </row>
    <row r="1041" spans="1:8" ht="15" customHeight="1" x14ac:dyDescent="0.2">
      <c r="A1041" s="49"/>
      <c r="B1041" s="20"/>
      <c r="C1041" s="20"/>
      <c r="D1041" s="20"/>
      <c r="E1041" s="20"/>
      <c r="F1041" s="20"/>
      <c r="G1041" s="21" t="s">
        <v>3710</v>
      </c>
      <c r="H1041" s="20"/>
    </row>
    <row r="1042" spans="1:8" ht="21.75" customHeight="1" x14ac:dyDescent="0.2">
      <c r="A1042" s="49">
        <v>530</v>
      </c>
      <c r="B1042" s="18" t="s">
        <v>2492</v>
      </c>
      <c r="C1042" s="18" t="s">
        <v>2497</v>
      </c>
      <c r="D1042" s="18" t="s">
        <v>2498</v>
      </c>
      <c r="E1042" s="18" t="s">
        <v>2499</v>
      </c>
      <c r="F1042" s="18" t="s">
        <v>2500</v>
      </c>
      <c r="G1042" s="18" t="s">
        <v>2501</v>
      </c>
      <c r="H1042" s="18" t="s">
        <v>2501</v>
      </c>
    </row>
    <row r="1043" spans="1:8" ht="15" customHeight="1" x14ac:dyDescent="0.2">
      <c r="A1043" s="49"/>
      <c r="B1043" s="20"/>
      <c r="C1043" s="20"/>
      <c r="D1043" s="20"/>
      <c r="E1043" s="20"/>
      <c r="F1043" s="20"/>
      <c r="G1043" s="21" t="s">
        <v>3745</v>
      </c>
      <c r="H1043" s="20"/>
    </row>
    <row r="1044" spans="1:8" ht="21.75" customHeight="1" x14ac:dyDescent="0.2">
      <c r="A1044" s="49">
        <v>531</v>
      </c>
      <c r="B1044" s="18" t="s">
        <v>2492</v>
      </c>
      <c r="C1044" s="18" t="s">
        <v>2502</v>
      </c>
      <c r="D1044" s="18" t="s">
        <v>2503</v>
      </c>
      <c r="E1044" s="18" t="s">
        <v>2504</v>
      </c>
      <c r="F1044" s="18" t="s">
        <v>2505</v>
      </c>
      <c r="G1044" s="18" t="s">
        <v>2506</v>
      </c>
      <c r="H1044" s="18" t="s">
        <v>4450</v>
      </c>
    </row>
    <row r="1045" spans="1:8" ht="15" customHeight="1" x14ac:dyDescent="0.2">
      <c r="A1045" s="49"/>
      <c r="B1045" s="20"/>
      <c r="C1045" s="20"/>
      <c r="D1045" s="20"/>
      <c r="E1045" s="20"/>
      <c r="F1045" s="20"/>
      <c r="G1045" s="21" t="s">
        <v>3745</v>
      </c>
      <c r="H1045" s="20"/>
    </row>
    <row r="1046" spans="1:8" ht="21.75" customHeight="1" x14ac:dyDescent="0.2">
      <c r="A1046" s="49">
        <v>532</v>
      </c>
      <c r="B1046" s="18" t="s">
        <v>2492</v>
      </c>
      <c r="C1046" s="18" t="s">
        <v>2507</v>
      </c>
      <c r="D1046" s="18" t="s">
        <v>2508</v>
      </c>
      <c r="E1046" s="18" t="s">
        <v>2509</v>
      </c>
      <c r="F1046" s="18" t="s">
        <v>2510</v>
      </c>
      <c r="G1046" s="18" t="s">
        <v>2511</v>
      </c>
      <c r="H1046" s="18" t="s">
        <v>4451</v>
      </c>
    </row>
    <row r="1047" spans="1:8" ht="15" customHeight="1" x14ac:dyDescent="0.2">
      <c r="A1047" s="49"/>
      <c r="B1047" s="20"/>
      <c r="C1047" s="20"/>
      <c r="D1047" s="20"/>
      <c r="E1047" s="20"/>
      <c r="F1047" s="20"/>
      <c r="G1047" s="21" t="s">
        <v>4452</v>
      </c>
      <c r="H1047" s="20"/>
    </row>
    <row r="1048" spans="1:8" ht="21.75" customHeight="1" x14ac:dyDescent="0.2">
      <c r="A1048" s="49">
        <v>533</v>
      </c>
      <c r="B1048" s="18" t="s">
        <v>2492</v>
      </c>
      <c r="C1048" s="18" t="s">
        <v>2512</v>
      </c>
      <c r="D1048" s="18" t="s">
        <v>2513</v>
      </c>
      <c r="E1048" s="18" t="s">
        <v>2514</v>
      </c>
      <c r="F1048" s="18" t="s">
        <v>2515</v>
      </c>
      <c r="G1048" s="18" t="s">
        <v>2516</v>
      </c>
      <c r="H1048" s="18" t="s">
        <v>4453</v>
      </c>
    </row>
    <row r="1049" spans="1:8" ht="15" customHeight="1" x14ac:dyDescent="0.2">
      <c r="A1049" s="49"/>
      <c r="B1049" s="20"/>
      <c r="C1049" s="20"/>
      <c r="D1049" s="20"/>
      <c r="E1049" s="20"/>
      <c r="F1049" s="20"/>
      <c r="G1049" s="21" t="s">
        <v>4454</v>
      </c>
      <c r="H1049" s="20"/>
    </row>
    <row r="1050" spans="1:8" ht="21.75" customHeight="1" x14ac:dyDescent="0.2">
      <c r="A1050" s="49">
        <v>534</v>
      </c>
      <c r="B1050" s="18" t="s">
        <v>2492</v>
      </c>
      <c r="C1050" s="18" t="s">
        <v>2517</v>
      </c>
      <c r="D1050" s="18" t="s">
        <v>2518</v>
      </c>
      <c r="E1050" s="18" t="s">
        <v>2519</v>
      </c>
      <c r="F1050" s="18" t="s">
        <v>2520</v>
      </c>
      <c r="G1050" s="18" t="s">
        <v>2521</v>
      </c>
      <c r="H1050" s="18" t="s">
        <v>4455</v>
      </c>
    </row>
    <row r="1051" spans="1:8" ht="15" customHeight="1" x14ac:dyDescent="0.2">
      <c r="A1051" s="49"/>
      <c r="B1051" s="20"/>
      <c r="C1051" s="20"/>
      <c r="D1051" s="20"/>
      <c r="E1051" s="20"/>
      <c r="F1051" s="20"/>
      <c r="G1051" s="21" t="s">
        <v>4456</v>
      </c>
      <c r="H1051" s="20"/>
    </row>
    <row r="1052" spans="1:8" ht="21.75" customHeight="1" x14ac:dyDescent="0.2">
      <c r="A1052" s="49">
        <v>535</v>
      </c>
      <c r="B1052" s="18" t="s">
        <v>2492</v>
      </c>
      <c r="C1052" s="18" t="s">
        <v>2522</v>
      </c>
      <c r="D1052" s="18" t="s">
        <v>2523</v>
      </c>
      <c r="E1052" s="18" t="s">
        <v>2524</v>
      </c>
      <c r="F1052" s="18" t="s">
        <v>2525</v>
      </c>
      <c r="G1052" s="18" t="s">
        <v>2526</v>
      </c>
      <c r="H1052" s="18" t="s">
        <v>4457</v>
      </c>
    </row>
    <row r="1053" spans="1:8" ht="15" customHeight="1" x14ac:dyDescent="0.2">
      <c r="A1053" s="49"/>
      <c r="B1053" s="20"/>
      <c r="C1053" s="20"/>
      <c r="D1053" s="20"/>
      <c r="E1053" s="20"/>
      <c r="F1053" s="20"/>
      <c r="G1053" s="21" t="s">
        <v>4820</v>
      </c>
      <c r="H1053" s="20"/>
    </row>
    <row r="1054" spans="1:8" ht="21.75" customHeight="1" x14ac:dyDescent="0.2">
      <c r="A1054" s="49">
        <v>536</v>
      </c>
      <c r="B1054" s="18" t="s">
        <v>2492</v>
      </c>
      <c r="C1054" s="18" t="s">
        <v>2527</v>
      </c>
      <c r="D1054" s="18" t="s">
        <v>2518</v>
      </c>
      <c r="E1054" s="18" t="s">
        <v>2528</v>
      </c>
      <c r="F1054" s="18" t="s">
        <v>2529</v>
      </c>
      <c r="G1054" s="18" t="s">
        <v>2530</v>
      </c>
      <c r="H1054" s="18" t="s">
        <v>4458</v>
      </c>
    </row>
    <row r="1055" spans="1:8" ht="15" customHeight="1" x14ac:dyDescent="0.2">
      <c r="A1055" s="49"/>
      <c r="B1055" s="20"/>
      <c r="C1055" s="20"/>
      <c r="D1055" s="20"/>
      <c r="E1055" s="20"/>
      <c r="F1055" s="20"/>
      <c r="G1055" s="21" t="s">
        <v>4458</v>
      </c>
      <c r="H1055" s="20"/>
    </row>
    <row r="1056" spans="1:8" ht="21.75" customHeight="1" x14ac:dyDescent="0.2">
      <c r="A1056" s="49">
        <v>537</v>
      </c>
      <c r="B1056" s="18" t="s">
        <v>2492</v>
      </c>
      <c r="C1056" s="18" t="s">
        <v>2531</v>
      </c>
      <c r="D1056" s="18" t="s">
        <v>2532</v>
      </c>
      <c r="E1056" s="18" t="s">
        <v>2533</v>
      </c>
      <c r="F1056" s="18" t="s">
        <v>2534</v>
      </c>
      <c r="G1056" s="18" t="s">
        <v>2535</v>
      </c>
      <c r="H1056" s="18" t="s">
        <v>4459</v>
      </c>
    </row>
    <row r="1057" spans="1:8" ht="15" customHeight="1" x14ac:dyDescent="0.2">
      <c r="A1057" s="49"/>
      <c r="B1057" s="20"/>
      <c r="C1057" s="20"/>
      <c r="D1057" s="20"/>
      <c r="E1057" s="20"/>
      <c r="F1057" s="20"/>
      <c r="G1057" s="21" t="s">
        <v>4460</v>
      </c>
      <c r="H1057" s="20"/>
    </row>
    <row r="1058" spans="1:8" ht="21.75" customHeight="1" x14ac:dyDescent="0.2">
      <c r="A1058" s="49">
        <v>538</v>
      </c>
      <c r="B1058" s="18" t="s">
        <v>2536</v>
      </c>
      <c r="C1058" s="18" t="s">
        <v>2537</v>
      </c>
      <c r="D1058" s="18" t="s">
        <v>2538</v>
      </c>
      <c r="E1058" s="18" t="s">
        <v>2539</v>
      </c>
      <c r="F1058" s="18" t="s">
        <v>2540</v>
      </c>
      <c r="G1058" s="18" t="s">
        <v>2541</v>
      </c>
      <c r="H1058" s="18" t="s">
        <v>4461</v>
      </c>
    </row>
    <row r="1059" spans="1:8" ht="15" customHeight="1" x14ac:dyDescent="0.2">
      <c r="A1059" s="49"/>
      <c r="B1059" s="20"/>
      <c r="C1059" s="20"/>
      <c r="D1059" s="20"/>
      <c r="E1059" s="20"/>
      <c r="F1059" s="20"/>
      <c r="G1059" s="21" t="s">
        <v>4462</v>
      </c>
      <c r="H1059" s="20"/>
    </row>
    <row r="1060" spans="1:8" ht="21.75" customHeight="1" x14ac:dyDescent="0.2">
      <c r="A1060" s="49">
        <v>539</v>
      </c>
      <c r="B1060" s="18" t="s">
        <v>2536</v>
      </c>
      <c r="C1060" s="18" t="s">
        <v>2542</v>
      </c>
      <c r="D1060" s="18" t="s">
        <v>2543</v>
      </c>
      <c r="E1060" s="18" t="s">
        <v>4821</v>
      </c>
      <c r="F1060" s="18" t="s">
        <v>2544</v>
      </c>
      <c r="G1060" s="18" t="s">
        <v>3730</v>
      </c>
      <c r="H1060" s="18" t="s">
        <v>4463</v>
      </c>
    </row>
    <row r="1061" spans="1:8" ht="15" customHeight="1" x14ac:dyDescent="0.2">
      <c r="A1061" s="49"/>
      <c r="B1061" s="20"/>
      <c r="C1061" s="20"/>
      <c r="D1061" s="20"/>
      <c r="E1061" s="20"/>
      <c r="F1061" s="20"/>
      <c r="G1061" s="21" t="s">
        <v>3731</v>
      </c>
      <c r="H1061" s="20"/>
    </row>
    <row r="1062" spans="1:8" ht="21.75" customHeight="1" x14ac:dyDescent="0.2">
      <c r="A1062" s="49">
        <v>540</v>
      </c>
      <c r="B1062" s="18" t="s">
        <v>2536</v>
      </c>
      <c r="C1062" s="18" t="s">
        <v>2545</v>
      </c>
      <c r="D1062" s="18" t="s">
        <v>2546</v>
      </c>
      <c r="E1062" s="18" t="s">
        <v>2547</v>
      </c>
      <c r="F1062" s="18" t="s">
        <v>2548</v>
      </c>
      <c r="G1062" s="18" t="s">
        <v>2549</v>
      </c>
      <c r="H1062" s="23" t="s">
        <v>3253</v>
      </c>
    </row>
    <row r="1063" spans="1:8" ht="15" customHeight="1" x14ac:dyDescent="0.2">
      <c r="A1063" s="49"/>
      <c r="B1063" s="20"/>
      <c r="C1063" s="20"/>
      <c r="D1063" s="20"/>
      <c r="E1063" s="20"/>
      <c r="F1063" s="20"/>
      <c r="G1063" s="21" t="s">
        <v>3745</v>
      </c>
      <c r="H1063" s="20"/>
    </row>
    <row r="1064" spans="1:8" ht="21.75" customHeight="1" x14ac:dyDescent="0.2">
      <c r="A1064" s="49">
        <v>541</v>
      </c>
      <c r="B1064" s="18" t="s">
        <v>2536</v>
      </c>
      <c r="C1064" s="18" t="s">
        <v>2550</v>
      </c>
      <c r="D1064" s="18" t="s">
        <v>2538</v>
      </c>
      <c r="E1064" s="18" t="s">
        <v>2551</v>
      </c>
      <c r="F1064" s="18" t="s">
        <v>2552</v>
      </c>
      <c r="G1064" s="18" t="s">
        <v>2553</v>
      </c>
      <c r="H1064" s="18" t="s">
        <v>4893</v>
      </c>
    </row>
    <row r="1065" spans="1:8" ht="15" customHeight="1" x14ac:dyDescent="0.2">
      <c r="A1065" s="49"/>
      <c r="B1065" s="20"/>
      <c r="C1065" s="20"/>
      <c r="D1065" s="20"/>
      <c r="E1065" s="20"/>
      <c r="F1065" s="20"/>
      <c r="G1065" s="21" t="s">
        <v>4893</v>
      </c>
      <c r="H1065" s="20"/>
    </row>
    <row r="1066" spans="1:8" ht="21.75" customHeight="1" x14ac:dyDescent="0.2">
      <c r="A1066" s="49">
        <v>542</v>
      </c>
      <c r="B1066" s="18" t="s">
        <v>2536</v>
      </c>
      <c r="C1066" s="18" t="s">
        <v>2554</v>
      </c>
      <c r="D1066" s="18" t="s">
        <v>2543</v>
      </c>
      <c r="E1066" s="18" t="s">
        <v>2555</v>
      </c>
      <c r="F1066" s="18" t="s">
        <v>2556</v>
      </c>
      <c r="G1066" s="18" t="s">
        <v>2557</v>
      </c>
      <c r="H1066" s="18" t="s">
        <v>4894</v>
      </c>
    </row>
    <row r="1067" spans="1:8" ht="15" customHeight="1" x14ac:dyDescent="0.2">
      <c r="A1067" s="49"/>
      <c r="B1067" s="20"/>
      <c r="C1067" s="20"/>
      <c r="D1067" s="20"/>
      <c r="E1067" s="20"/>
      <c r="F1067" s="20"/>
      <c r="G1067" s="21" t="s">
        <v>4894</v>
      </c>
      <c r="H1067" s="20"/>
    </row>
    <row r="1068" spans="1:8" ht="21.75" customHeight="1" x14ac:dyDescent="0.2">
      <c r="A1068" s="49">
        <v>543</v>
      </c>
      <c r="B1068" s="18" t="s">
        <v>2558</v>
      </c>
      <c r="C1068" s="18" t="s">
        <v>2559</v>
      </c>
      <c r="D1068" s="18" t="s">
        <v>2560</v>
      </c>
      <c r="E1068" s="18" t="s">
        <v>2561</v>
      </c>
      <c r="F1068" s="18" t="s">
        <v>2562</v>
      </c>
      <c r="G1068" s="18" t="s">
        <v>2563</v>
      </c>
      <c r="H1068" s="18" t="s">
        <v>4464</v>
      </c>
    </row>
    <row r="1069" spans="1:8" ht="15" customHeight="1" x14ac:dyDescent="0.2">
      <c r="A1069" s="49"/>
      <c r="B1069" s="20"/>
      <c r="C1069" s="20"/>
      <c r="D1069" s="20"/>
      <c r="E1069" s="20"/>
      <c r="F1069" s="20"/>
      <c r="G1069" s="21" t="s">
        <v>4465</v>
      </c>
      <c r="H1069" s="20"/>
    </row>
    <row r="1070" spans="1:8" ht="21.75" customHeight="1" x14ac:dyDescent="0.2">
      <c r="A1070" s="49">
        <v>544</v>
      </c>
      <c r="B1070" s="18" t="s">
        <v>2558</v>
      </c>
      <c r="C1070" s="18" t="s">
        <v>2564</v>
      </c>
      <c r="D1070" s="18" t="s">
        <v>2565</v>
      </c>
      <c r="E1070" s="18" t="s">
        <v>2566</v>
      </c>
      <c r="F1070" s="18" t="s">
        <v>2567</v>
      </c>
      <c r="G1070" s="18" t="s">
        <v>2568</v>
      </c>
      <c r="H1070" s="18" t="s">
        <v>4466</v>
      </c>
    </row>
    <row r="1071" spans="1:8" ht="15" customHeight="1" x14ac:dyDescent="0.2">
      <c r="A1071" s="49"/>
      <c r="B1071" s="20"/>
      <c r="C1071" s="20"/>
      <c r="D1071" s="20"/>
      <c r="E1071" s="20"/>
      <c r="F1071" s="20"/>
      <c r="G1071" s="21" t="s">
        <v>4366</v>
      </c>
      <c r="H1071" s="20"/>
    </row>
    <row r="1072" spans="1:8" ht="21.75" customHeight="1" x14ac:dyDescent="0.2">
      <c r="A1072" s="49">
        <v>545</v>
      </c>
      <c r="B1072" s="18" t="s">
        <v>2569</v>
      </c>
      <c r="C1072" s="18" t="s">
        <v>2570</v>
      </c>
      <c r="D1072" s="18" t="s">
        <v>2571</v>
      </c>
      <c r="E1072" s="18" t="s">
        <v>2572</v>
      </c>
      <c r="F1072" s="18" t="s">
        <v>2573</v>
      </c>
      <c r="G1072" s="18" t="s">
        <v>1514</v>
      </c>
      <c r="H1072" s="18" t="s">
        <v>4177</v>
      </c>
    </row>
    <row r="1073" spans="1:8" ht="15" customHeight="1" x14ac:dyDescent="0.2">
      <c r="A1073" s="49"/>
      <c r="B1073" s="20"/>
      <c r="C1073" s="20"/>
      <c r="D1073" s="20"/>
      <c r="E1073" s="20"/>
      <c r="F1073" s="20"/>
      <c r="G1073" s="21" t="s">
        <v>4177</v>
      </c>
      <c r="H1073" s="20"/>
    </row>
    <row r="1074" spans="1:8" ht="21.75" customHeight="1" x14ac:dyDescent="0.2">
      <c r="A1074" s="49">
        <v>546</v>
      </c>
      <c r="B1074" s="18" t="s">
        <v>2574</v>
      </c>
      <c r="C1074" s="18" t="s">
        <v>2575</v>
      </c>
      <c r="D1074" s="18" t="s">
        <v>2576</v>
      </c>
      <c r="E1074" s="18" t="s">
        <v>2577</v>
      </c>
      <c r="F1074" s="18" t="s">
        <v>2578</v>
      </c>
      <c r="G1074" s="18" t="s">
        <v>186</v>
      </c>
      <c r="H1074" s="18" t="s">
        <v>4467</v>
      </c>
    </row>
    <row r="1075" spans="1:8" ht="15" customHeight="1" x14ac:dyDescent="0.2">
      <c r="A1075" s="49"/>
      <c r="B1075" s="20"/>
      <c r="C1075" s="20"/>
      <c r="D1075" s="20"/>
      <c r="E1075" s="20"/>
      <c r="F1075" s="20"/>
      <c r="G1075" s="21" t="s">
        <v>3795</v>
      </c>
      <c r="H1075" s="20"/>
    </row>
    <row r="1076" spans="1:8" ht="21.75" customHeight="1" x14ac:dyDescent="0.2">
      <c r="A1076" s="49">
        <v>547</v>
      </c>
      <c r="B1076" s="18" t="s">
        <v>2574</v>
      </c>
      <c r="C1076" s="18" t="s">
        <v>2579</v>
      </c>
      <c r="D1076" s="18" t="s">
        <v>2580</v>
      </c>
      <c r="E1076" s="18" t="s">
        <v>2581</v>
      </c>
      <c r="F1076" s="18" t="s">
        <v>2582</v>
      </c>
      <c r="G1076" s="18" t="s">
        <v>2583</v>
      </c>
      <c r="H1076" s="18" t="s">
        <v>4468</v>
      </c>
    </row>
    <row r="1077" spans="1:8" ht="15" customHeight="1" x14ac:dyDescent="0.2">
      <c r="A1077" s="49"/>
      <c r="B1077" s="20"/>
      <c r="C1077" s="20"/>
      <c r="D1077" s="20"/>
      <c r="E1077" s="20"/>
      <c r="F1077" s="20"/>
      <c r="G1077" s="21" t="s">
        <v>4468</v>
      </c>
      <c r="H1077" s="20"/>
    </row>
    <row r="1078" spans="1:8" ht="21.75" customHeight="1" x14ac:dyDescent="0.2">
      <c r="A1078" s="49">
        <v>548</v>
      </c>
      <c r="B1078" s="18" t="s">
        <v>2574</v>
      </c>
      <c r="C1078" s="18" t="s">
        <v>2584</v>
      </c>
      <c r="D1078" s="18" t="s">
        <v>2585</v>
      </c>
      <c r="E1078" s="18" t="s">
        <v>2586</v>
      </c>
      <c r="F1078" s="18" t="s">
        <v>2587</v>
      </c>
      <c r="G1078" s="18" t="s">
        <v>2588</v>
      </c>
      <c r="H1078" s="18" t="s">
        <v>4469</v>
      </c>
    </row>
    <row r="1079" spans="1:8" ht="15" customHeight="1" x14ac:dyDescent="0.2">
      <c r="A1079" s="49"/>
      <c r="B1079" s="20"/>
      <c r="C1079" s="20"/>
      <c r="D1079" s="20"/>
      <c r="E1079" s="20"/>
      <c r="F1079" s="20"/>
      <c r="G1079" s="21" t="s">
        <v>4470</v>
      </c>
      <c r="H1079" s="20"/>
    </row>
    <row r="1080" spans="1:8" ht="21.75" customHeight="1" x14ac:dyDescent="0.2">
      <c r="A1080" s="49">
        <v>549</v>
      </c>
      <c r="B1080" s="18" t="s">
        <v>2574</v>
      </c>
      <c r="C1080" s="18" t="s">
        <v>2589</v>
      </c>
      <c r="D1080" s="18" t="s">
        <v>2590</v>
      </c>
      <c r="E1080" s="18" t="s">
        <v>2591</v>
      </c>
      <c r="F1080" s="18" t="s">
        <v>2592</v>
      </c>
      <c r="G1080" s="18" t="s">
        <v>2593</v>
      </c>
      <c r="H1080" s="18" t="s">
        <v>4471</v>
      </c>
    </row>
    <row r="1081" spans="1:8" ht="15" customHeight="1" x14ac:dyDescent="0.2">
      <c r="A1081" s="49"/>
      <c r="B1081" s="20"/>
      <c r="C1081" s="20"/>
      <c r="D1081" s="20"/>
      <c r="E1081" s="20"/>
      <c r="F1081" s="20"/>
      <c r="G1081" s="21" t="s">
        <v>4471</v>
      </c>
      <c r="H1081" s="20"/>
    </row>
    <row r="1082" spans="1:8" ht="21.75" customHeight="1" x14ac:dyDescent="0.2">
      <c r="A1082" s="49">
        <v>550</v>
      </c>
      <c r="B1082" s="18" t="s">
        <v>2574</v>
      </c>
      <c r="C1082" s="18" t="s">
        <v>2594</v>
      </c>
      <c r="D1082" s="18" t="s">
        <v>2576</v>
      </c>
      <c r="E1082" s="18" t="s">
        <v>2595</v>
      </c>
      <c r="F1082" s="18" t="s">
        <v>2596</v>
      </c>
      <c r="G1082" s="18" t="s">
        <v>2597</v>
      </c>
      <c r="H1082" s="18" t="s">
        <v>4472</v>
      </c>
    </row>
    <row r="1083" spans="1:8" ht="15" customHeight="1" x14ac:dyDescent="0.2">
      <c r="A1083" s="49"/>
      <c r="B1083" s="20"/>
      <c r="C1083" s="20"/>
      <c r="D1083" s="20"/>
      <c r="E1083" s="20"/>
      <c r="F1083" s="20"/>
      <c r="G1083" s="21" t="s">
        <v>4895</v>
      </c>
      <c r="H1083" s="20"/>
    </row>
    <row r="1084" spans="1:8" ht="21.75" customHeight="1" x14ac:dyDescent="0.2">
      <c r="A1084" s="49">
        <v>551</v>
      </c>
      <c r="B1084" s="18" t="s">
        <v>2598</v>
      </c>
      <c r="C1084" s="18" t="s">
        <v>2599</v>
      </c>
      <c r="D1084" s="18" t="s">
        <v>2600</v>
      </c>
      <c r="E1084" s="18" t="s">
        <v>2601</v>
      </c>
      <c r="F1084" s="18" t="s">
        <v>2602</v>
      </c>
      <c r="G1084" s="18" t="s">
        <v>2603</v>
      </c>
      <c r="H1084" s="18" t="s">
        <v>4473</v>
      </c>
    </row>
    <row r="1085" spans="1:8" ht="15" customHeight="1" x14ac:dyDescent="0.2">
      <c r="A1085" s="49"/>
      <c r="B1085" s="20"/>
      <c r="C1085" s="20"/>
      <c r="D1085" s="20"/>
      <c r="E1085" s="20"/>
      <c r="F1085" s="20"/>
      <c r="G1085" s="21" t="s">
        <v>4473</v>
      </c>
      <c r="H1085" s="20"/>
    </row>
    <row r="1086" spans="1:8" ht="21.75" customHeight="1" x14ac:dyDescent="0.2">
      <c r="A1086" s="49">
        <v>552</v>
      </c>
      <c r="B1086" s="18" t="s">
        <v>2604</v>
      </c>
      <c r="C1086" s="18" t="s">
        <v>2605</v>
      </c>
      <c r="D1086" s="18" t="s">
        <v>2606</v>
      </c>
      <c r="E1086" s="18" t="s">
        <v>2607</v>
      </c>
      <c r="F1086" s="18" t="s">
        <v>2608</v>
      </c>
      <c r="G1086" s="18" t="s">
        <v>2242</v>
      </c>
      <c r="H1086" s="18" t="s">
        <v>4474</v>
      </c>
    </row>
    <row r="1087" spans="1:8" ht="15" customHeight="1" x14ac:dyDescent="0.2">
      <c r="A1087" s="49"/>
      <c r="B1087" s="20"/>
      <c r="C1087" s="20"/>
      <c r="D1087" s="20"/>
      <c r="E1087" s="20"/>
      <c r="F1087" s="20"/>
      <c r="G1087" s="21" t="s">
        <v>4381</v>
      </c>
      <c r="H1087" s="20"/>
    </row>
    <row r="1088" spans="1:8" ht="21.75" customHeight="1" x14ac:dyDescent="0.2">
      <c r="A1088" s="49">
        <v>553</v>
      </c>
      <c r="B1088" s="18" t="s">
        <v>2604</v>
      </c>
      <c r="C1088" s="18" t="s">
        <v>2609</v>
      </c>
      <c r="D1088" s="18" t="s">
        <v>2610</v>
      </c>
      <c r="E1088" s="18" t="s">
        <v>2611</v>
      </c>
      <c r="F1088" s="18" t="s">
        <v>2612</v>
      </c>
      <c r="G1088" s="18" t="s">
        <v>2613</v>
      </c>
      <c r="H1088" s="18" t="s">
        <v>4475</v>
      </c>
    </row>
    <row r="1089" spans="1:8" ht="15" customHeight="1" x14ac:dyDescent="0.2">
      <c r="A1089" s="49"/>
      <c r="B1089" s="20"/>
      <c r="C1089" s="20"/>
      <c r="D1089" s="20"/>
      <c r="E1089" s="20"/>
      <c r="F1089" s="20"/>
      <c r="G1089" s="20" t="s">
        <v>4476</v>
      </c>
      <c r="H1089" s="20"/>
    </row>
  </sheetData>
  <mergeCells count="543">
    <mergeCell ref="A1084:A1085"/>
    <mergeCell ref="A1086:A1087"/>
    <mergeCell ref="A1088:A1089"/>
    <mergeCell ref="A1072:A1073"/>
    <mergeCell ref="A1074:A1075"/>
    <mergeCell ref="A1076:A1077"/>
    <mergeCell ref="A1078:A1079"/>
    <mergeCell ref="A1080:A1081"/>
    <mergeCell ref="A1082:A1083"/>
    <mergeCell ref="A1060:A1061"/>
    <mergeCell ref="A1062:A1063"/>
    <mergeCell ref="A1064:A1065"/>
    <mergeCell ref="A1066:A1067"/>
    <mergeCell ref="A1068:A1069"/>
    <mergeCell ref="A1070:A1071"/>
    <mergeCell ref="A1048:A1049"/>
    <mergeCell ref="A1050:A1051"/>
    <mergeCell ref="A1052:A1053"/>
    <mergeCell ref="A1054:A1055"/>
    <mergeCell ref="A1056:A1057"/>
    <mergeCell ref="A1058:A1059"/>
    <mergeCell ref="A1036:A1037"/>
    <mergeCell ref="A1038:A1039"/>
    <mergeCell ref="A1040:A1041"/>
    <mergeCell ref="A1042:A1043"/>
    <mergeCell ref="A1044:A1045"/>
    <mergeCell ref="A1046:A1047"/>
    <mergeCell ref="A1024:A1025"/>
    <mergeCell ref="A1026:A1027"/>
    <mergeCell ref="A1028:A1029"/>
    <mergeCell ref="A1030:A1031"/>
    <mergeCell ref="A1032:A1033"/>
    <mergeCell ref="A1034:A1035"/>
    <mergeCell ref="A1012:A1013"/>
    <mergeCell ref="A1014:A1015"/>
    <mergeCell ref="A1016:A1017"/>
    <mergeCell ref="A1018:A1019"/>
    <mergeCell ref="A1020:A1021"/>
    <mergeCell ref="A1022:A1023"/>
    <mergeCell ref="A1000:A1001"/>
    <mergeCell ref="A1002:A1003"/>
    <mergeCell ref="A1004:A1005"/>
    <mergeCell ref="A1006:A1007"/>
    <mergeCell ref="A1008:A1009"/>
    <mergeCell ref="A1010:A1011"/>
    <mergeCell ref="A988:A989"/>
    <mergeCell ref="A990:A991"/>
    <mergeCell ref="A992:A993"/>
    <mergeCell ref="A994:A995"/>
    <mergeCell ref="A996:A997"/>
    <mergeCell ref="A998:A999"/>
    <mergeCell ref="A976:A977"/>
    <mergeCell ref="A978:A979"/>
    <mergeCell ref="A980:A981"/>
    <mergeCell ref="A982:A983"/>
    <mergeCell ref="A984:A985"/>
    <mergeCell ref="A986:A987"/>
    <mergeCell ref="A964:A965"/>
    <mergeCell ref="A966:A967"/>
    <mergeCell ref="A968:A969"/>
    <mergeCell ref="A970:A971"/>
    <mergeCell ref="A972:A973"/>
    <mergeCell ref="A974:A975"/>
    <mergeCell ref="A952:A953"/>
    <mergeCell ref="A954:A955"/>
    <mergeCell ref="A956:A957"/>
    <mergeCell ref="A958:A959"/>
    <mergeCell ref="A960:A961"/>
    <mergeCell ref="A962:A963"/>
    <mergeCell ref="A940:A941"/>
    <mergeCell ref="A942:A943"/>
    <mergeCell ref="A944:A945"/>
    <mergeCell ref="A946:A947"/>
    <mergeCell ref="A948:A949"/>
    <mergeCell ref="A950:A951"/>
    <mergeCell ref="A928:A929"/>
    <mergeCell ref="A930:A931"/>
    <mergeCell ref="A932:A933"/>
    <mergeCell ref="A934:A935"/>
    <mergeCell ref="A936:A937"/>
    <mergeCell ref="A938:A939"/>
    <mergeCell ref="A916:A917"/>
    <mergeCell ref="A918:A919"/>
    <mergeCell ref="A920:A921"/>
    <mergeCell ref="A922:A923"/>
    <mergeCell ref="A924:A925"/>
    <mergeCell ref="A926:A927"/>
    <mergeCell ref="A904:A905"/>
    <mergeCell ref="A906:A907"/>
    <mergeCell ref="A908:A909"/>
    <mergeCell ref="A910:A911"/>
    <mergeCell ref="A912:A913"/>
    <mergeCell ref="A914:A915"/>
    <mergeCell ref="A892:A893"/>
    <mergeCell ref="A894:A895"/>
    <mergeCell ref="A896:A897"/>
    <mergeCell ref="A898:A899"/>
    <mergeCell ref="A900:A901"/>
    <mergeCell ref="A902:A903"/>
    <mergeCell ref="A880:A881"/>
    <mergeCell ref="A882:A883"/>
    <mergeCell ref="A884:A885"/>
    <mergeCell ref="A886:A887"/>
    <mergeCell ref="A888:A889"/>
    <mergeCell ref="A890:A891"/>
    <mergeCell ref="A868:A869"/>
    <mergeCell ref="A870:A871"/>
    <mergeCell ref="A872:A873"/>
    <mergeCell ref="A874:A875"/>
    <mergeCell ref="A876:A877"/>
    <mergeCell ref="A878:A879"/>
    <mergeCell ref="A856:A857"/>
    <mergeCell ref="A858:A859"/>
    <mergeCell ref="A860:A861"/>
    <mergeCell ref="A862:A863"/>
    <mergeCell ref="A864:A865"/>
    <mergeCell ref="A866:A867"/>
    <mergeCell ref="A844:A845"/>
    <mergeCell ref="A846:A847"/>
    <mergeCell ref="A848:A849"/>
    <mergeCell ref="A850:A851"/>
    <mergeCell ref="A852:A853"/>
    <mergeCell ref="A854:A855"/>
    <mergeCell ref="A832:A833"/>
    <mergeCell ref="A834:A835"/>
    <mergeCell ref="A836:A837"/>
    <mergeCell ref="A838:A839"/>
    <mergeCell ref="A840:A841"/>
    <mergeCell ref="A842:A843"/>
    <mergeCell ref="A820:A821"/>
    <mergeCell ref="A822:A823"/>
    <mergeCell ref="A824:A825"/>
    <mergeCell ref="A826:A827"/>
    <mergeCell ref="A828:A829"/>
    <mergeCell ref="A830:A831"/>
    <mergeCell ref="A808:A809"/>
    <mergeCell ref="A810:A811"/>
    <mergeCell ref="A812:A813"/>
    <mergeCell ref="A814:A815"/>
    <mergeCell ref="A816:A817"/>
    <mergeCell ref="A818:A819"/>
    <mergeCell ref="A796:A797"/>
    <mergeCell ref="A798:A799"/>
    <mergeCell ref="A800:A801"/>
    <mergeCell ref="A802:A803"/>
    <mergeCell ref="A804:A805"/>
    <mergeCell ref="A806:A807"/>
    <mergeCell ref="A784:A785"/>
    <mergeCell ref="A786:A787"/>
    <mergeCell ref="A788:A789"/>
    <mergeCell ref="A790:A791"/>
    <mergeCell ref="A792:A793"/>
    <mergeCell ref="A794:A795"/>
    <mergeCell ref="A772:A773"/>
    <mergeCell ref="A774:A775"/>
    <mergeCell ref="A776:A777"/>
    <mergeCell ref="A778:A779"/>
    <mergeCell ref="A780:A781"/>
    <mergeCell ref="A782:A783"/>
    <mergeCell ref="A760:A761"/>
    <mergeCell ref="A762:A763"/>
    <mergeCell ref="A764:A765"/>
    <mergeCell ref="A766:A767"/>
    <mergeCell ref="A768:A769"/>
    <mergeCell ref="A770:A771"/>
    <mergeCell ref="A748:A749"/>
    <mergeCell ref="A750:A751"/>
    <mergeCell ref="A752:A753"/>
    <mergeCell ref="A754:A755"/>
    <mergeCell ref="A756:A757"/>
    <mergeCell ref="A758:A759"/>
    <mergeCell ref="A736:A737"/>
    <mergeCell ref="A738:A739"/>
    <mergeCell ref="A740:A741"/>
    <mergeCell ref="A742:A743"/>
    <mergeCell ref="A744:A745"/>
    <mergeCell ref="A746:A747"/>
    <mergeCell ref="A724:A725"/>
    <mergeCell ref="A726:A727"/>
    <mergeCell ref="A728:A729"/>
    <mergeCell ref="A730:A731"/>
    <mergeCell ref="A732:A733"/>
    <mergeCell ref="A734:A735"/>
    <mergeCell ref="A712:A713"/>
    <mergeCell ref="A714:A715"/>
    <mergeCell ref="A716:A717"/>
    <mergeCell ref="A718:A719"/>
    <mergeCell ref="A720:A721"/>
    <mergeCell ref="A722:A723"/>
    <mergeCell ref="A700:A701"/>
    <mergeCell ref="A702:A703"/>
    <mergeCell ref="A704:A705"/>
    <mergeCell ref="A706:A707"/>
    <mergeCell ref="A708:A709"/>
    <mergeCell ref="A710:A711"/>
    <mergeCell ref="A688:A689"/>
    <mergeCell ref="A690:A691"/>
    <mergeCell ref="A692:A693"/>
    <mergeCell ref="A694:A695"/>
    <mergeCell ref="A696:A697"/>
    <mergeCell ref="A698:A699"/>
    <mergeCell ref="A676:A677"/>
    <mergeCell ref="A678:A679"/>
    <mergeCell ref="A680:A681"/>
    <mergeCell ref="A682:A683"/>
    <mergeCell ref="A684:A685"/>
    <mergeCell ref="A686:A687"/>
    <mergeCell ref="A664:A665"/>
    <mergeCell ref="A666:A667"/>
    <mergeCell ref="A668:A669"/>
    <mergeCell ref="A670:A671"/>
    <mergeCell ref="A672:A673"/>
    <mergeCell ref="A674:A675"/>
    <mergeCell ref="A652:A653"/>
    <mergeCell ref="A654:A655"/>
    <mergeCell ref="A656:A657"/>
    <mergeCell ref="A658:A659"/>
    <mergeCell ref="A660:A661"/>
    <mergeCell ref="A662:A663"/>
    <mergeCell ref="A640:A641"/>
    <mergeCell ref="A642:A643"/>
    <mergeCell ref="A644:A645"/>
    <mergeCell ref="A646:A647"/>
    <mergeCell ref="A648:A649"/>
    <mergeCell ref="A650:A651"/>
    <mergeCell ref="A628:A629"/>
    <mergeCell ref="A630:A631"/>
    <mergeCell ref="A632:A633"/>
    <mergeCell ref="A634:A635"/>
    <mergeCell ref="A636:A637"/>
    <mergeCell ref="A638:A639"/>
    <mergeCell ref="A616:A617"/>
    <mergeCell ref="A618:A619"/>
    <mergeCell ref="A620:A621"/>
    <mergeCell ref="A622:A623"/>
    <mergeCell ref="A624:A625"/>
    <mergeCell ref="A626:A627"/>
    <mergeCell ref="A604:A605"/>
    <mergeCell ref="A606:A607"/>
    <mergeCell ref="A608:A609"/>
    <mergeCell ref="A610:A611"/>
    <mergeCell ref="A612:A613"/>
    <mergeCell ref="A614:A615"/>
    <mergeCell ref="A592:A593"/>
    <mergeCell ref="A594:A595"/>
    <mergeCell ref="A596:A597"/>
    <mergeCell ref="A598:A599"/>
    <mergeCell ref="A600:A601"/>
    <mergeCell ref="A602:A603"/>
    <mergeCell ref="A580:A581"/>
    <mergeCell ref="A582:A583"/>
    <mergeCell ref="A584:A585"/>
    <mergeCell ref="A586:A587"/>
    <mergeCell ref="A588:A589"/>
    <mergeCell ref="A590:A591"/>
    <mergeCell ref="A568:A569"/>
    <mergeCell ref="A570:A571"/>
    <mergeCell ref="A572:A573"/>
    <mergeCell ref="A574:A575"/>
    <mergeCell ref="A576:A577"/>
    <mergeCell ref="A578:A579"/>
    <mergeCell ref="A556:A557"/>
    <mergeCell ref="A558:A559"/>
    <mergeCell ref="A560:A561"/>
    <mergeCell ref="A562:A563"/>
    <mergeCell ref="A564:A565"/>
    <mergeCell ref="A566:A567"/>
    <mergeCell ref="A544:A545"/>
    <mergeCell ref="A546:A547"/>
    <mergeCell ref="A548:A549"/>
    <mergeCell ref="A550:A551"/>
    <mergeCell ref="A552:A553"/>
    <mergeCell ref="A554:A555"/>
    <mergeCell ref="A532:A533"/>
    <mergeCell ref="A534:A535"/>
    <mergeCell ref="A536:A537"/>
    <mergeCell ref="A538:A539"/>
    <mergeCell ref="A540:A541"/>
    <mergeCell ref="A542:A543"/>
    <mergeCell ref="A520:A521"/>
    <mergeCell ref="A522:A523"/>
    <mergeCell ref="A524:A525"/>
    <mergeCell ref="A526:A527"/>
    <mergeCell ref="A528:A529"/>
    <mergeCell ref="A530:A531"/>
    <mergeCell ref="A508:A509"/>
    <mergeCell ref="A510:A511"/>
    <mergeCell ref="A512:A513"/>
    <mergeCell ref="A514:A515"/>
    <mergeCell ref="A516:A517"/>
    <mergeCell ref="A518:A519"/>
    <mergeCell ref="A496:A497"/>
    <mergeCell ref="A498:A499"/>
    <mergeCell ref="A500:A501"/>
    <mergeCell ref="A502:A503"/>
    <mergeCell ref="A504:A505"/>
    <mergeCell ref="A506:A507"/>
    <mergeCell ref="A484:A485"/>
    <mergeCell ref="A486:A487"/>
    <mergeCell ref="A488:A489"/>
    <mergeCell ref="A490:A491"/>
    <mergeCell ref="A492:A493"/>
    <mergeCell ref="A494:A495"/>
    <mergeCell ref="A472:A473"/>
    <mergeCell ref="A474:A475"/>
    <mergeCell ref="A476:A477"/>
    <mergeCell ref="A478:A479"/>
    <mergeCell ref="A480:A481"/>
    <mergeCell ref="A482:A483"/>
    <mergeCell ref="A460:A461"/>
    <mergeCell ref="A462:A463"/>
    <mergeCell ref="A464:A465"/>
    <mergeCell ref="A466:A467"/>
    <mergeCell ref="A468:A469"/>
    <mergeCell ref="A470:A471"/>
    <mergeCell ref="A448:A449"/>
    <mergeCell ref="A450:A451"/>
    <mergeCell ref="A452:A453"/>
    <mergeCell ref="A454:A455"/>
    <mergeCell ref="A456:A457"/>
    <mergeCell ref="A458:A459"/>
    <mergeCell ref="A436:A437"/>
    <mergeCell ref="A438:A439"/>
    <mergeCell ref="A440:A441"/>
    <mergeCell ref="A442:A443"/>
    <mergeCell ref="A444:A445"/>
    <mergeCell ref="A446:A447"/>
    <mergeCell ref="A424:A425"/>
    <mergeCell ref="A426:A427"/>
    <mergeCell ref="A428:A429"/>
    <mergeCell ref="A430:A431"/>
    <mergeCell ref="A432:A433"/>
    <mergeCell ref="A434:A435"/>
    <mergeCell ref="A412:A413"/>
    <mergeCell ref="A414:A415"/>
    <mergeCell ref="A416:A417"/>
    <mergeCell ref="A418:A419"/>
    <mergeCell ref="A420:A421"/>
    <mergeCell ref="A422:A423"/>
    <mergeCell ref="A400:A401"/>
    <mergeCell ref="A402:A403"/>
    <mergeCell ref="A404:A405"/>
    <mergeCell ref="A406:A407"/>
    <mergeCell ref="A408:A409"/>
    <mergeCell ref="A410:A411"/>
    <mergeCell ref="A388:A389"/>
    <mergeCell ref="A390:A391"/>
    <mergeCell ref="A392:A393"/>
    <mergeCell ref="A394:A395"/>
    <mergeCell ref="A396:A397"/>
    <mergeCell ref="A398:A399"/>
    <mergeCell ref="A376:A377"/>
    <mergeCell ref="A378:A379"/>
    <mergeCell ref="A380:A381"/>
    <mergeCell ref="A382:A383"/>
    <mergeCell ref="A384:A385"/>
    <mergeCell ref="A386:A387"/>
    <mergeCell ref="A364:A365"/>
    <mergeCell ref="A366:A367"/>
    <mergeCell ref="A368:A369"/>
    <mergeCell ref="A370:A371"/>
    <mergeCell ref="A372:A373"/>
    <mergeCell ref="A374:A375"/>
    <mergeCell ref="A350:A351"/>
    <mergeCell ref="A354:A355"/>
    <mergeCell ref="A356:A357"/>
    <mergeCell ref="A358:A359"/>
    <mergeCell ref="A360:A361"/>
    <mergeCell ref="A362:A363"/>
    <mergeCell ref="A338:A339"/>
    <mergeCell ref="A340:A341"/>
    <mergeCell ref="A342:A343"/>
    <mergeCell ref="A346:A347"/>
    <mergeCell ref="A348:A349"/>
    <mergeCell ref="A352:A353"/>
    <mergeCell ref="A326:A327"/>
    <mergeCell ref="A328:A329"/>
    <mergeCell ref="A330:A331"/>
    <mergeCell ref="A332:A333"/>
    <mergeCell ref="A334:A335"/>
    <mergeCell ref="A336:A337"/>
    <mergeCell ref="A314:A315"/>
    <mergeCell ref="A316:A317"/>
    <mergeCell ref="A318:A319"/>
    <mergeCell ref="A320:A321"/>
    <mergeCell ref="A322:A323"/>
    <mergeCell ref="A324:A325"/>
    <mergeCell ref="A302:A303"/>
    <mergeCell ref="A304:A305"/>
    <mergeCell ref="A306:A307"/>
    <mergeCell ref="A308:A309"/>
    <mergeCell ref="A310:A311"/>
    <mergeCell ref="A312:A313"/>
    <mergeCell ref="A290:A291"/>
    <mergeCell ref="A292:A293"/>
    <mergeCell ref="A294:A295"/>
    <mergeCell ref="A296:A297"/>
    <mergeCell ref="A298:A299"/>
    <mergeCell ref="A300:A301"/>
    <mergeCell ref="A278:A279"/>
    <mergeCell ref="A280:A281"/>
    <mergeCell ref="A282:A283"/>
    <mergeCell ref="A284:A285"/>
    <mergeCell ref="A286:A287"/>
    <mergeCell ref="A288:A289"/>
    <mergeCell ref="A266:A267"/>
    <mergeCell ref="A268:A269"/>
    <mergeCell ref="A270:A271"/>
    <mergeCell ref="A272:A273"/>
    <mergeCell ref="A274:A275"/>
    <mergeCell ref="A276:A277"/>
    <mergeCell ref="A254:A255"/>
    <mergeCell ref="A256:A257"/>
    <mergeCell ref="A258:A259"/>
    <mergeCell ref="A260:A261"/>
    <mergeCell ref="A262:A263"/>
    <mergeCell ref="A264:A265"/>
    <mergeCell ref="A242:A243"/>
    <mergeCell ref="A244:A245"/>
    <mergeCell ref="A246:A247"/>
    <mergeCell ref="A248:A249"/>
    <mergeCell ref="A250:A251"/>
    <mergeCell ref="A252:A253"/>
    <mergeCell ref="A230:A231"/>
    <mergeCell ref="A232:A233"/>
    <mergeCell ref="A234:A235"/>
    <mergeCell ref="A236:A237"/>
    <mergeCell ref="A238:A239"/>
    <mergeCell ref="A240:A241"/>
    <mergeCell ref="A218:A219"/>
    <mergeCell ref="A220:A221"/>
    <mergeCell ref="A222:A223"/>
    <mergeCell ref="A224:A225"/>
    <mergeCell ref="A226:A227"/>
    <mergeCell ref="A228:A229"/>
    <mergeCell ref="A206:A207"/>
    <mergeCell ref="A208:A209"/>
    <mergeCell ref="A210:A211"/>
    <mergeCell ref="A212:A213"/>
    <mergeCell ref="A214:A215"/>
    <mergeCell ref="A216:A217"/>
    <mergeCell ref="A194:A195"/>
    <mergeCell ref="A196:A197"/>
    <mergeCell ref="A198:A199"/>
    <mergeCell ref="A200:A201"/>
    <mergeCell ref="A202:A203"/>
    <mergeCell ref="A204:A205"/>
    <mergeCell ref="A182:A183"/>
    <mergeCell ref="A184:A185"/>
    <mergeCell ref="A186:A187"/>
    <mergeCell ref="A188:A189"/>
    <mergeCell ref="A190:A191"/>
    <mergeCell ref="A192:A193"/>
    <mergeCell ref="A170:A171"/>
    <mergeCell ref="A172:A173"/>
    <mergeCell ref="A174:A175"/>
    <mergeCell ref="A176:A177"/>
    <mergeCell ref="A178:A179"/>
    <mergeCell ref="A180:A181"/>
    <mergeCell ref="A158:A159"/>
    <mergeCell ref="A160:A161"/>
    <mergeCell ref="A162:A163"/>
    <mergeCell ref="A164:A165"/>
    <mergeCell ref="A166:A167"/>
    <mergeCell ref="A168:A169"/>
    <mergeCell ref="A146:A147"/>
    <mergeCell ref="A148:A149"/>
    <mergeCell ref="A150:A151"/>
    <mergeCell ref="A152:A153"/>
    <mergeCell ref="A154:A155"/>
    <mergeCell ref="A156:A157"/>
    <mergeCell ref="A134:A135"/>
    <mergeCell ref="A136:A137"/>
    <mergeCell ref="A138:A139"/>
    <mergeCell ref="A140:A141"/>
    <mergeCell ref="A142:A143"/>
    <mergeCell ref="A144:A145"/>
    <mergeCell ref="A122:A123"/>
    <mergeCell ref="A124:A125"/>
    <mergeCell ref="A126:A127"/>
    <mergeCell ref="A128:A129"/>
    <mergeCell ref="A130:A131"/>
    <mergeCell ref="A132:A133"/>
    <mergeCell ref="A110:A111"/>
    <mergeCell ref="A112:A113"/>
    <mergeCell ref="A114:A115"/>
    <mergeCell ref="A116:A117"/>
    <mergeCell ref="A118:A119"/>
    <mergeCell ref="A120:A121"/>
    <mergeCell ref="A98:A99"/>
    <mergeCell ref="A100:A101"/>
    <mergeCell ref="A102:A103"/>
    <mergeCell ref="A104:A105"/>
    <mergeCell ref="A106:A107"/>
    <mergeCell ref="A108:A109"/>
    <mergeCell ref="A86:A87"/>
    <mergeCell ref="A88:A89"/>
    <mergeCell ref="A90:A91"/>
    <mergeCell ref="A92:A93"/>
    <mergeCell ref="A94:A95"/>
    <mergeCell ref="A96:A97"/>
    <mergeCell ref="A74:A75"/>
    <mergeCell ref="A76:A77"/>
    <mergeCell ref="A78:A79"/>
    <mergeCell ref="A80:A81"/>
    <mergeCell ref="A82:A83"/>
    <mergeCell ref="A84:A85"/>
    <mergeCell ref="A62:A63"/>
    <mergeCell ref="A64:A65"/>
    <mergeCell ref="A66:A67"/>
    <mergeCell ref="A68:A69"/>
    <mergeCell ref="A70:A71"/>
    <mergeCell ref="A72:A73"/>
    <mergeCell ref="A50:A51"/>
    <mergeCell ref="A52:A53"/>
    <mergeCell ref="A54:A55"/>
    <mergeCell ref="A56:A57"/>
    <mergeCell ref="A58:A59"/>
    <mergeCell ref="A60:A61"/>
    <mergeCell ref="A38:A39"/>
    <mergeCell ref="A40:A41"/>
    <mergeCell ref="A42:A43"/>
    <mergeCell ref="A44:A45"/>
    <mergeCell ref="A46:A47"/>
    <mergeCell ref="A48:A49"/>
    <mergeCell ref="A32:A33"/>
    <mergeCell ref="A34:A35"/>
    <mergeCell ref="A36:A37"/>
    <mergeCell ref="A14:A15"/>
    <mergeCell ref="A16:A17"/>
    <mergeCell ref="A18:A19"/>
    <mergeCell ref="A20:A21"/>
    <mergeCell ref="A22:A23"/>
    <mergeCell ref="A24:A25"/>
    <mergeCell ref="A2:A3"/>
    <mergeCell ref="A4:A5"/>
    <mergeCell ref="A6:A7"/>
    <mergeCell ref="A8:A9"/>
    <mergeCell ref="A10:A11"/>
    <mergeCell ref="A12:A13"/>
    <mergeCell ref="A26:A27"/>
    <mergeCell ref="A28:A29"/>
    <mergeCell ref="A30:A31"/>
  </mergeCells>
  <phoneticPr fontId="1"/>
  <printOptions horizontalCentered="1"/>
  <pageMargins left="0.59055118110236227" right="0.59055118110236227" top="0.59055118110236227" bottom="0.59055118110236227" header="0.31496062992125984" footer="0.31496062992125984"/>
  <pageSetup paperSize="9" scale="50" fitToHeight="10" orientation="portrait" r:id="rId1"/>
  <headerFooter alignWithMargins="0">
    <oddHeader>&amp;A</oddHeader>
    <oddFooter>&amp;P / &amp;N ページ</oddFooter>
  </headerFooter>
  <rowBreaks count="8" manualBreakCount="8">
    <brk id="87" min="1" max="7" man="1"/>
    <brk id="173" min="1" max="7" man="1"/>
    <brk id="259" min="1" max="7" man="1"/>
    <brk id="345" min="1" max="7" man="1"/>
    <brk id="431" min="1" max="7" man="1"/>
    <brk id="603" min="1" max="7" man="1"/>
    <brk id="689" min="1" max="7" man="1"/>
    <brk id="861" min="1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G59"/>
  <sheetViews>
    <sheetView view="pageBreakPreview" zoomScale="55" zoomScaleNormal="70" zoomScaleSheetLayoutView="55" workbookViewId="0">
      <pane xSplit="1" ySplit="1" topLeftCell="B2" activePane="bottomRight" state="frozen"/>
      <selection activeCell="D76" sqref="D76"/>
      <selection pane="topRight" activeCell="D76" sqref="D76"/>
      <selection pane="bottomLeft" activeCell="D76" sqref="D76"/>
      <selection pane="bottomRight" sqref="A1:XFD1048576"/>
    </sheetView>
  </sheetViews>
  <sheetFormatPr defaultColWidth="9" defaultRowHeight="32.25" customHeight="1" x14ac:dyDescent="0.2"/>
  <cols>
    <col min="1" max="1" width="24.59765625" style="19" customWidth="1"/>
    <col min="2" max="2" width="11.5" style="19" customWidth="1"/>
    <col min="3" max="3" width="30.09765625" style="19" customWidth="1"/>
    <col min="4" max="4" width="13.5" style="19" customWidth="1"/>
    <col min="5" max="6" width="22" style="19" customWidth="1"/>
    <col min="7" max="7" width="5.09765625" style="32" customWidth="1"/>
    <col min="8" max="16384" width="9" style="19"/>
  </cols>
  <sheetData>
    <row r="1" spans="1:7" s="32" customFormat="1" ht="32.25" customHeight="1" x14ac:dyDescent="0.2">
      <c r="A1" s="17" t="s">
        <v>2614</v>
      </c>
      <c r="B1" s="17" t="s">
        <v>1</v>
      </c>
      <c r="C1" s="17" t="s">
        <v>2</v>
      </c>
      <c r="D1" s="17" t="s">
        <v>3</v>
      </c>
      <c r="E1" s="17" t="s">
        <v>4</v>
      </c>
      <c r="F1" s="17" t="s">
        <v>2615</v>
      </c>
      <c r="G1" s="17" t="s">
        <v>2616</v>
      </c>
    </row>
    <row r="2" spans="1:7" ht="32.25" customHeight="1" x14ac:dyDescent="0.2">
      <c r="A2" s="18" t="s">
        <v>2617</v>
      </c>
      <c r="B2" s="18" t="s">
        <v>22</v>
      </c>
      <c r="C2" s="18" t="s">
        <v>2618</v>
      </c>
      <c r="D2" s="18" t="s">
        <v>2619</v>
      </c>
      <c r="E2" s="18" t="s">
        <v>1118</v>
      </c>
      <c r="F2" s="18" t="s">
        <v>4477</v>
      </c>
      <c r="G2" s="33" t="s">
        <v>2620</v>
      </c>
    </row>
    <row r="3" spans="1:7" ht="16.2" customHeight="1" x14ac:dyDescent="0.2">
      <c r="A3" s="20"/>
      <c r="B3" s="20"/>
      <c r="C3" s="20"/>
      <c r="D3" s="20"/>
      <c r="E3" s="21" t="s">
        <v>4069</v>
      </c>
      <c r="F3" s="20"/>
      <c r="G3" s="34"/>
    </row>
    <row r="4" spans="1:7" ht="32.25" customHeight="1" x14ac:dyDescent="0.2">
      <c r="A4" s="18" t="s">
        <v>2621</v>
      </c>
      <c r="B4" s="18" t="s">
        <v>2622</v>
      </c>
      <c r="C4" s="18" t="s">
        <v>2623</v>
      </c>
      <c r="D4" s="18" t="s">
        <v>2624</v>
      </c>
      <c r="E4" s="18" t="s">
        <v>2625</v>
      </c>
      <c r="F4" s="18" t="s">
        <v>4478</v>
      </c>
      <c r="G4" s="33" t="s">
        <v>2620</v>
      </c>
    </row>
    <row r="5" spans="1:7" ht="16.2" customHeight="1" x14ac:dyDescent="0.2">
      <c r="A5" s="20"/>
      <c r="B5" s="20"/>
      <c r="C5" s="20"/>
      <c r="D5" s="20"/>
      <c r="E5" s="21" t="s">
        <v>4478</v>
      </c>
      <c r="F5" s="20"/>
      <c r="G5" s="34"/>
    </row>
    <row r="6" spans="1:7" ht="32.25" customHeight="1" x14ac:dyDescent="0.2">
      <c r="A6" s="18" t="s">
        <v>2626</v>
      </c>
      <c r="B6" s="18" t="s">
        <v>2627</v>
      </c>
      <c r="C6" s="18" t="s">
        <v>2628</v>
      </c>
      <c r="D6" s="18" t="s">
        <v>2629</v>
      </c>
      <c r="E6" s="18" t="s">
        <v>2630</v>
      </c>
      <c r="F6" s="18" t="s">
        <v>4479</v>
      </c>
      <c r="G6" s="33" t="s">
        <v>2620</v>
      </c>
    </row>
    <row r="7" spans="1:7" ht="15.6" customHeight="1" x14ac:dyDescent="0.2">
      <c r="A7" s="20"/>
      <c r="B7" s="20"/>
      <c r="C7" s="20"/>
      <c r="D7" s="20"/>
      <c r="E7" s="21" t="s">
        <v>4480</v>
      </c>
      <c r="F7" s="20"/>
      <c r="G7" s="34"/>
    </row>
    <row r="8" spans="1:7" ht="32.25" customHeight="1" x14ac:dyDescent="0.2">
      <c r="A8" s="18" t="s">
        <v>2631</v>
      </c>
      <c r="B8" s="18" t="s">
        <v>2632</v>
      </c>
      <c r="C8" s="18" t="s">
        <v>2633</v>
      </c>
      <c r="D8" s="18" t="s">
        <v>2634</v>
      </c>
      <c r="E8" s="18" t="s">
        <v>2635</v>
      </c>
      <c r="F8" s="18" t="s">
        <v>4481</v>
      </c>
      <c r="G8" s="33" t="s">
        <v>2636</v>
      </c>
    </row>
    <row r="9" spans="1:7" ht="15.6" customHeight="1" x14ac:dyDescent="0.2">
      <c r="A9" s="20"/>
      <c r="B9" s="20"/>
      <c r="C9" s="20"/>
      <c r="D9" s="20"/>
      <c r="E9" s="21" t="s">
        <v>4482</v>
      </c>
      <c r="F9" s="20"/>
      <c r="G9" s="34"/>
    </row>
    <row r="10" spans="1:7" ht="32.25" customHeight="1" x14ac:dyDescent="0.2">
      <c r="A10" s="18" t="s">
        <v>2637</v>
      </c>
      <c r="B10" s="18" t="s">
        <v>275</v>
      </c>
      <c r="C10" s="18" t="s">
        <v>2638</v>
      </c>
      <c r="D10" s="18" t="s">
        <v>2639</v>
      </c>
      <c r="E10" s="18" t="s">
        <v>2640</v>
      </c>
      <c r="F10" s="18" t="s">
        <v>4483</v>
      </c>
      <c r="G10" s="33" t="s">
        <v>2620</v>
      </c>
    </row>
    <row r="11" spans="1:7" ht="16.95" customHeight="1" x14ac:dyDescent="0.2">
      <c r="A11" s="20"/>
      <c r="B11" s="20"/>
      <c r="C11" s="20"/>
      <c r="D11" s="20"/>
      <c r="E11" s="21" t="s">
        <v>4484</v>
      </c>
      <c r="F11" s="20"/>
      <c r="G11" s="34"/>
    </row>
    <row r="12" spans="1:7" ht="32.25" customHeight="1" x14ac:dyDescent="0.2">
      <c r="A12" s="18" t="s">
        <v>2641</v>
      </c>
      <c r="B12" s="18" t="s">
        <v>251</v>
      </c>
      <c r="C12" s="18" t="s">
        <v>2642</v>
      </c>
      <c r="D12" s="18" t="s">
        <v>2643</v>
      </c>
      <c r="E12" s="18" t="s">
        <v>253</v>
      </c>
      <c r="F12" s="18" t="s">
        <v>4485</v>
      </c>
      <c r="G12" s="33" t="s">
        <v>2620</v>
      </c>
    </row>
    <row r="13" spans="1:7" ht="16.95" customHeight="1" x14ac:dyDescent="0.2">
      <c r="A13" s="20"/>
      <c r="B13" s="20"/>
      <c r="C13" s="20"/>
      <c r="D13" s="20"/>
      <c r="E13" s="21" t="s">
        <v>3819</v>
      </c>
      <c r="F13" s="20"/>
      <c r="G13" s="34"/>
    </row>
    <row r="14" spans="1:7" ht="32.25" customHeight="1" x14ac:dyDescent="0.2">
      <c r="A14" s="18" t="s">
        <v>2644</v>
      </c>
      <c r="B14" s="18" t="s">
        <v>2645</v>
      </c>
      <c r="C14" s="18" t="s">
        <v>2646</v>
      </c>
      <c r="D14" s="18" t="s">
        <v>2647</v>
      </c>
      <c r="E14" s="18" t="s">
        <v>2640</v>
      </c>
      <c r="F14" s="18" t="s">
        <v>4486</v>
      </c>
      <c r="G14" s="33" t="s">
        <v>2620</v>
      </c>
    </row>
    <row r="15" spans="1:7" ht="16.95" customHeight="1" x14ac:dyDescent="0.2">
      <c r="A15" s="20"/>
      <c r="B15" s="20"/>
      <c r="C15" s="20"/>
      <c r="D15" s="20"/>
      <c r="E15" s="21" t="s">
        <v>4484</v>
      </c>
      <c r="F15" s="20"/>
      <c r="G15" s="34"/>
    </row>
    <row r="16" spans="1:7" ht="32.25" customHeight="1" x14ac:dyDescent="0.2">
      <c r="A16" s="18" t="s">
        <v>2648</v>
      </c>
      <c r="B16" s="18" t="s">
        <v>765</v>
      </c>
      <c r="C16" s="18" t="s">
        <v>2649</v>
      </c>
      <c r="D16" s="18" t="s">
        <v>2650</v>
      </c>
      <c r="E16" s="18" t="s">
        <v>206</v>
      </c>
      <c r="F16" s="18" t="s">
        <v>4853</v>
      </c>
      <c r="G16" s="33" t="s">
        <v>2620</v>
      </c>
    </row>
    <row r="17" spans="1:7" ht="16.95" customHeight="1" x14ac:dyDescent="0.2">
      <c r="A17" s="20"/>
      <c r="B17" s="20"/>
      <c r="C17" s="20"/>
      <c r="D17" s="20"/>
      <c r="E17" s="21" t="s">
        <v>3802</v>
      </c>
      <c r="F17" s="20"/>
      <c r="G17" s="34"/>
    </row>
    <row r="18" spans="1:7" ht="32.25" customHeight="1" x14ac:dyDescent="0.2">
      <c r="A18" s="18" t="s">
        <v>2651</v>
      </c>
      <c r="B18" s="18" t="s">
        <v>877</v>
      </c>
      <c r="C18" s="18" t="s">
        <v>878</v>
      </c>
      <c r="D18" s="18" t="s">
        <v>2652</v>
      </c>
      <c r="E18" s="18" t="s">
        <v>880</v>
      </c>
      <c r="F18" s="18" t="s">
        <v>4487</v>
      </c>
      <c r="G18" s="33" t="s">
        <v>2620</v>
      </c>
    </row>
    <row r="19" spans="1:7" ht="16.95" customHeight="1" x14ac:dyDescent="0.2">
      <c r="A19" s="20"/>
      <c r="B19" s="20"/>
      <c r="C19" s="20"/>
      <c r="D19" s="20"/>
      <c r="E19" s="21" t="s">
        <v>4000</v>
      </c>
      <c r="F19" s="20"/>
      <c r="G19" s="34"/>
    </row>
    <row r="20" spans="1:7" ht="32.25" customHeight="1" x14ac:dyDescent="0.2">
      <c r="A20" s="18" t="s">
        <v>2653</v>
      </c>
      <c r="B20" s="18" t="s">
        <v>970</v>
      </c>
      <c r="C20" s="18" t="s">
        <v>971</v>
      </c>
      <c r="D20" s="18" t="s">
        <v>2654</v>
      </c>
      <c r="E20" s="18" t="s">
        <v>973</v>
      </c>
      <c r="F20" s="18" t="s">
        <v>4488</v>
      </c>
      <c r="G20" s="33" t="s">
        <v>2620</v>
      </c>
    </row>
    <row r="21" spans="1:7" ht="16.95" customHeight="1" x14ac:dyDescent="0.2">
      <c r="A21" s="20"/>
      <c r="B21" s="20"/>
      <c r="C21" s="20"/>
      <c r="D21" s="20"/>
      <c r="E21" s="21" t="s">
        <v>4028</v>
      </c>
      <c r="F21" s="20"/>
      <c r="G21" s="34"/>
    </row>
    <row r="22" spans="1:7" ht="32.25" customHeight="1" x14ac:dyDescent="0.2">
      <c r="A22" s="18" t="s">
        <v>2655</v>
      </c>
      <c r="B22" s="18" t="s">
        <v>2656</v>
      </c>
      <c r="C22" s="18" t="s">
        <v>2657</v>
      </c>
      <c r="D22" s="18" t="s">
        <v>2658</v>
      </c>
      <c r="E22" s="18" t="s">
        <v>2659</v>
      </c>
      <c r="F22" s="18" t="s">
        <v>4489</v>
      </c>
      <c r="G22" s="33" t="s">
        <v>2620</v>
      </c>
    </row>
    <row r="23" spans="1:7" ht="16.95" customHeight="1" x14ac:dyDescent="0.2">
      <c r="A23" s="20"/>
      <c r="B23" s="20"/>
      <c r="C23" s="20"/>
      <c r="D23" s="20"/>
      <c r="E23" s="21" t="s">
        <v>4490</v>
      </c>
      <c r="F23" s="20"/>
      <c r="G23" s="34"/>
    </row>
    <row r="24" spans="1:7" ht="32.25" customHeight="1" x14ac:dyDescent="0.2">
      <c r="A24" s="18" t="s">
        <v>2660</v>
      </c>
      <c r="B24" s="18" t="s">
        <v>1200</v>
      </c>
      <c r="C24" s="18" t="s">
        <v>1201</v>
      </c>
      <c r="D24" s="18" t="s">
        <v>2661</v>
      </c>
      <c r="E24" s="18" t="s">
        <v>2662</v>
      </c>
      <c r="F24" s="18" t="s">
        <v>4854</v>
      </c>
      <c r="G24" s="33" t="s">
        <v>2620</v>
      </c>
    </row>
    <row r="25" spans="1:7" ht="16.95" customHeight="1" x14ac:dyDescent="0.2">
      <c r="A25" s="20"/>
      <c r="B25" s="20"/>
      <c r="C25" s="20"/>
      <c r="D25" s="20"/>
      <c r="E25" s="21" t="s">
        <v>4091</v>
      </c>
      <c r="F25" s="20"/>
      <c r="G25" s="34"/>
    </row>
    <row r="26" spans="1:7" ht="32.25" customHeight="1" x14ac:dyDescent="0.2">
      <c r="A26" s="18" t="s">
        <v>2663</v>
      </c>
      <c r="B26" s="18" t="s">
        <v>1282</v>
      </c>
      <c r="C26" s="18" t="s">
        <v>1283</v>
      </c>
      <c r="D26" s="18" t="s">
        <v>2664</v>
      </c>
      <c r="E26" s="18" t="s">
        <v>1285</v>
      </c>
      <c r="F26" s="18" t="s">
        <v>4491</v>
      </c>
      <c r="G26" s="33" t="s">
        <v>2620</v>
      </c>
    </row>
    <row r="27" spans="1:7" ht="16.95" customHeight="1" x14ac:dyDescent="0.2">
      <c r="A27" s="20"/>
      <c r="B27" s="20"/>
      <c r="C27" s="20"/>
      <c r="D27" s="20"/>
      <c r="E27" s="21" t="s">
        <v>4113</v>
      </c>
      <c r="F27" s="20"/>
      <c r="G27" s="34"/>
    </row>
    <row r="28" spans="1:7" ht="32.25" customHeight="1" x14ac:dyDescent="0.2">
      <c r="A28" s="18" t="s">
        <v>2665</v>
      </c>
      <c r="B28" s="18" t="s">
        <v>1307</v>
      </c>
      <c r="C28" s="18" t="s">
        <v>1308</v>
      </c>
      <c r="D28" s="18" t="s">
        <v>2666</v>
      </c>
      <c r="E28" s="18" t="s">
        <v>1310</v>
      </c>
      <c r="F28" s="18" t="s">
        <v>4492</v>
      </c>
      <c r="G28" s="33" t="s">
        <v>2620</v>
      </c>
    </row>
    <row r="29" spans="1:7" ht="16.95" customHeight="1" x14ac:dyDescent="0.2">
      <c r="A29" s="20"/>
      <c r="B29" s="20"/>
      <c r="C29" s="20"/>
      <c r="D29" s="20"/>
      <c r="E29" s="21" t="s">
        <v>4122</v>
      </c>
      <c r="F29" s="20"/>
      <c r="G29" s="34"/>
    </row>
    <row r="30" spans="1:7" ht="32.25" customHeight="1" x14ac:dyDescent="0.2">
      <c r="A30" s="18" t="s">
        <v>2667</v>
      </c>
      <c r="B30" s="18" t="s">
        <v>2668</v>
      </c>
      <c r="C30" s="18" t="s">
        <v>2669</v>
      </c>
      <c r="D30" s="18" t="s">
        <v>2670</v>
      </c>
      <c r="E30" s="18" t="s">
        <v>1339</v>
      </c>
      <c r="F30" s="18" t="s">
        <v>4855</v>
      </c>
      <c r="G30" s="33" t="s">
        <v>2620</v>
      </c>
    </row>
    <row r="31" spans="1:7" ht="16.95" customHeight="1" x14ac:dyDescent="0.2">
      <c r="A31" s="20"/>
      <c r="B31" s="20"/>
      <c r="C31" s="20"/>
      <c r="D31" s="20"/>
      <c r="E31" s="21" t="s">
        <v>4131</v>
      </c>
      <c r="F31" s="20"/>
      <c r="G31" s="34"/>
    </row>
    <row r="32" spans="1:7" ht="32.25" customHeight="1" x14ac:dyDescent="0.2">
      <c r="A32" s="18" t="s">
        <v>2671</v>
      </c>
      <c r="B32" s="18" t="s">
        <v>2672</v>
      </c>
      <c r="C32" s="18" t="s">
        <v>2673</v>
      </c>
      <c r="D32" s="18" t="s">
        <v>2674</v>
      </c>
      <c r="E32" s="18" t="s">
        <v>2675</v>
      </c>
      <c r="F32" s="18" t="s">
        <v>4493</v>
      </c>
      <c r="G32" s="33" t="s">
        <v>2620</v>
      </c>
    </row>
    <row r="33" spans="1:7" ht="16.95" customHeight="1" x14ac:dyDescent="0.2">
      <c r="A33" s="20"/>
      <c r="B33" s="20"/>
      <c r="C33" s="20"/>
      <c r="D33" s="20"/>
      <c r="E33" s="21" t="s">
        <v>4494</v>
      </c>
      <c r="F33" s="20"/>
      <c r="G33" s="34"/>
    </row>
    <row r="34" spans="1:7" ht="32.25" customHeight="1" x14ac:dyDescent="0.2">
      <c r="A34" s="18" t="s">
        <v>2676</v>
      </c>
      <c r="B34" s="18" t="s">
        <v>2677</v>
      </c>
      <c r="C34" s="18" t="s">
        <v>2678</v>
      </c>
      <c r="D34" s="18" t="s">
        <v>2679</v>
      </c>
      <c r="E34" s="18" t="s">
        <v>2680</v>
      </c>
      <c r="F34" s="18" t="s">
        <v>4856</v>
      </c>
      <c r="G34" s="33" t="s">
        <v>2620</v>
      </c>
    </row>
    <row r="35" spans="1:7" ht="16.95" customHeight="1" x14ac:dyDescent="0.2">
      <c r="A35" s="20"/>
      <c r="B35" s="20"/>
      <c r="C35" s="20"/>
      <c r="D35" s="20"/>
      <c r="E35" s="21" t="s">
        <v>4495</v>
      </c>
      <c r="F35" s="20"/>
      <c r="G35" s="34"/>
    </row>
    <row r="36" spans="1:7" ht="32.25" customHeight="1" x14ac:dyDescent="0.2">
      <c r="A36" s="18" t="s">
        <v>2681</v>
      </c>
      <c r="B36" s="18" t="s">
        <v>2682</v>
      </c>
      <c r="C36" s="18" t="s">
        <v>2683</v>
      </c>
      <c r="D36" s="18" t="s">
        <v>2684</v>
      </c>
      <c r="E36" s="18" t="s">
        <v>2685</v>
      </c>
      <c r="F36" s="18" t="s">
        <v>4496</v>
      </c>
      <c r="G36" s="33" t="s">
        <v>2620</v>
      </c>
    </row>
    <row r="37" spans="1:7" ht="16.95" customHeight="1" x14ac:dyDescent="0.2">
      <c r="A37" s="20"/>
      <c r="B37" s="20"/>
      <c r="C37" s="20"/>
      <c r="D37" s="20"/>
      <c r="E37" s="21" t="s">
        <v>4497</v>
      </c>
      <c r="F37" s="20"/>
      <c r="G37" s="34"/>
    </row>
    <row r="38" spans="1:7" ht="32.25" customHeight="1" x14ac:dyDescent="0.2">
      <c r="A38" s="18" t="s">
        <v>2686</v>
      </c>
      <c r="B38" s="18" t="s">
        <v>1877</v>
      </c>
      <c r="C38" s="18" t="s">
        <v>1878</v>
      </c>
      <c r="D38" s="18" t="s">
        <v>1879</v>
      </c>
      <c r="E38" s="18" t="s">
        <v>1880</v>
      </c>
      <c r="F38" s="18" t="s">
        <v>4498</v>
      </c>
      <c r="G38" s="33" t="s">
        <v>2620</v>
      </c>
    </row>
    <row r="39" spans="1:7" ht="16.95" customHeight="1" x14ac:dyDescent="0.2">
      <c r="A39" s="20"/>
      <c r="B39" s="20"/>
      <c r="C39" s="20"/>
      <c r="D39" s="20"/>
      <c r="E39" s="21" t="s">
        <v>4283</v>
      </c>
      <c r="F39" s="20"/>
      <c r="G39" s="34"/>
    </row>
    <row r="40" spans="1:7" ht="32.25" customHeight="1" x14ac:dyDescent="0.2">
      <c r="A40" s="18" t="s">
        <v>2687</v>
      </c>
      <c r="B40" s="18" t="s">
        <v>2688</v>
      </c>
      <c r="C40" s="18" t="s">
        <v>2689</v>
      </c>
      <c r="D40" s="18" t="s">
        <v>2690</v>
      </c>
      <c r="E40" s="18" t="s">
        <v>2691</v>
      </c>
      <c r="F40" s="18" t="s">
        <v>4499</v>
      </c>
      <c r="G40" s="33" t="s">
        <v>2620</v>
      </c>
    </row>
    <row r="41" spans="1:7" ht="16.95" customHeight="1" x14ac:dyDescent="0.2">
      <c r="A41" s="20"/>
      <c r="B41" s="20"/>
      <c r="C41" s="20"/>
      <c r="D41" s="20"/>
      <c r="E41" s="21" t="s">
        <v>4500</v>
      </c>
      <c r="F41" s="20"/>
      <c r="G41" s="34"/>
    </row>
    <row r="42" spans="1:7" ht="32.25" customHeight="1" x14ac:dyDescent="0.2">
      <c r="A42" s="18" t="s">
        <v>2692</v>
      </c>
      <c r="B42" s="18" t="s">
        <v>1968</v>
      </c>
      <c r="C42" s="18" t="s">
        <v>1969</v>
      </c>
      <c r="D42" s="18" t="s">
        <v>1970</v>
      </c>
      <c r="E42" s="18" t="s">
        <v>1971</v>
      </c>
      <c r="F42" s="18" t="s">
        <v>4501</v>
      </c>
      <c r="G42" s="33" t="s">
        <v>2620</v>
      </c>
    </row>
    <row r="43" spans="1:7" ht="16.95" customHeight="1" x14ac:dyDescent="0.2">
      <c r="A43" s="20"/>
      <c r="B43" s="20"/>
      <c r="C43" s="20"/>
      <c r="D43" s="20"/>
      <c r="E43" s="21" t="s">
        <v>4306</v>
      </c>
      <c r="F43" s="20"/>
      <c r="G43" s="34"/>
    </row>
    <row r="44" spans="1:7" ht="32.25" customHeight="1" x14ac:dyDescent="0.2">
      <c r="A44" s="18" t="s">
        <v>2693</v>
      </c>
      <c r="B44" s="18" t="s">
        <v>1973</v>
      </c>
      <c r="C44" s="18" t="s">
        <v>2694</v>
      </c>
      <c r="D44" s="18" t="s">
        <v>2695</v>
      </c>
      <c r="E44" s="18" t="s">
        <v>2696</v>
      </c>
      <c r="F44" s="18" t="s">
        <v>4502</v>
      </c>
      <c r="G44" s="33" t="s">
        <v>2636</v>
      </c>
    </row>
    <row r="45" spans="1:7" ht="16.95" customHeight="1" x14ac:dyDescent="0.2">
      <c r="A45" s="20"/>
      <c r="B45" s="20"/>
      <c r="C45" s="20"/>
      <c r="D45" s="20"/>
      <c r="E45" s="21" t="s">
        <v>4308</v>
      </c>
      <c r="F45" s="20"/>
      <c r="G45" s="34"/>
    </row>
    <row r="46" spans="1:7" ht="32.25" customHeight="1" x14ac:dyDescent="0.2">
      <c r="A46" s="18" t="s">
        <v>2697</v>
      </c>
      <c r="B46" s="18" t="s">
        <v>2698</v>
      </c>
      <c r="C46" s="18" t="s">
        <v>2699</v>
      </c>
      <c r="D46" s="18" t="s">
        <v>2700</v>
      </c>
      <c r="E46" s="18" t="s">
        <v>2701</v>
      </c>
      <c r="F46" s="18" t="s">
        <v>4503</v>
      </c>
      <c r="G46" s="33" t="s">
        <v>2620</v>
      </c>
    </row>
    <row r="47" spans="1:7" ht="16.95" customHeight="1" x14ac:dyDescent="0.2">
      <c r="A47" s="20"/>
      <c r="B47" s="20"/>
      <c r="C47" s="20"/>
      <c r="D47" s="20"/>
      <c r="E47" s="21" t="s">
        <v>4504</v>
      </c>
      <c r="F47" s="20"/>
      <c r="G47" s="34"/>
    </row>
    <row r="48" spans="1:7" ht="32.25" customHeight="1" x14ac:dyDescent="0.2">
      <c r="A48" s="18" t="s">
        <v>2702</v>
      </c>
      <c r="B48" s="18" t="s">
        <v>2703</v>
      </c>
      <c r="C48" s="18" t="s">
        <v>2704</v>
      </c>
      <c r="D48" s="18" t="s">
        <v>2705</v>
      </c>
      <c r="E48" s="18" t="s">
        <v>2706</v>
      </c>
      <c r="F48" s="18" t="s">
        <v>4505</v>
      </c>
      <c r="G48" s="33" t="s">
        <v>2620</v>
      </c>
    </row>
    <row r="49" spans="1:7" ht="16.95" customHeight="1" x14ac:dyDescent="0.2">
      <c r="A49" s="20"/>
      <c r="B49" s="20"/>
      <c r="C49" s="20"/>
      <c r="D49" s="20"/>
      <c r="E49" s="21" t="s">
        <v>4857</v>
      </c>
      <c r="F49" s="20"/>
      <c r="G49" s="34"/>
    </row>
    <row r="50" spans="1:7" ht="32.25" customHeight="1" x14ac:dyDescent="0.2">
      <c r="A50" s="18" t="s">
        <v>2707</v>
      </c>
      <c r="B50" s="18" t="s">
        <v>2200</v>
      </c>
      <c r="C50" s="18" t="s">
        <v>2205</v>
      </c>
      <c r="D50" s="18" t="s">
        <v>2708</v>
      </c>
      <c r="E50" s="18" t="s">
        <v>186</v>
      </c>
      <c r="F50" s="18" t="s">
        <v>4507</v>
      </c>
      <c r="G50" s="33" t="s">
        <v>2620</v>
      </c>
    </row>
    <row r="51" spans="1:7" ht="16.95" customHeight="1" x14ac:dyDescent="0.2">
      <c r="A51" s="20"/>
      <c r="B51" s="20"/>
      <c r="C51" s="20"/>
      <c r="D51" s="20"/>
      <c r="E51" s="21" t="s">
        <v>3795</v>
      </c>
      <c r="F51" s="20"/>
      <c r="G51" s="34"/>
    </row>
    <row r="52" spans="1:7" ht="32.25" customHeight="1" x14ac:dyDescent="0.2">
      <c r="A52" s="18" t="s">
        <v>2709</v>
      </c>
      <c r="B52" s="18" t="s">
        <v>2710</v>
      </c>
      <c r="C52" s="18" t="s">
        <v>2711</v>
      </c>
      <c r="D52" s="18" t="s">
        <v>2712</v>
      </c>
      <c r="E52" s="18" t="s">
        <v>2294</v>
      </c>
      <c r="F52" s="18" t="s">
        <v>4508</v>
      </c>
      <c r="G52" s="33" t="s">
        <v>2620</v>
      </c>
    </row>
    <row r="53" spans="1:7" ht="16.95" customHeight="1" x14ac:dyDescent="0.2">
      <c r="A53" s="20"/>
      <c r="B53" s="20"/>
      <c r="C53" s="20"/>
      <c r="D53" s="20"/>
      <c r="E53" s="21" t="s">
        <v>4858</v>
      </c>
      <c r="F53" s="20"/>
      <c r="G53" s="34"/>
    </row>
    <row r="54" spans="1:7" ht="32.25" customHeight="1" x14ac:dyDescent="0.2">
      <c r="A54" s="18" t="s">
        <v>2713</v>
      </c>
      <c r="B54" s="18" t="s">
        <v>2319</v>
      </c>
      <c r="C54" s="18" t="s">
        <v>2362</v>
      </c>
      <c r="D54" s="18" t="s">
        <v>2714</v>
      </c>
      <c r="E54" s="18" t="s">
        <v>2363</v>
      </c>
      <c r="F54" s="18" t="s">
        <v>4859</v>
      </c>
      <c r="G54" s="33" t="s">
        <v>2620</v>
      </c>
    </row>
    <row r="55" spans="1:7" ht="16.95" customHeight="1" x14ac:dyDescent="0.2">
      <c r="A55" s="20"/>
      <c r="B55" s="20"/>
      <c r="C55" s="20"/>
      <c r="D55" s="20"/>
      <c r="E55" s="21" t="s">
        <v>4417</v>
      </c>
      <c r="F55" s="20"/>
      <c r="G55" s="34"/>
    </row>
    <row r="56" spans="1:7" ht="32.25" customHeight="1" x14ac:dyDescent="0.2">
      <c r="A56" s="18" t="s">
        <v>2715</v>
      </c>
      <c r="B56" s="18" t="s">
        <v>2716</v>
      </c>
      <c r="C56" s="18" t="s">
        <v>2717</v>
      </c>
      <c r="D56" s="18" t="s">
        <v>2718</v>
      </c>
      <c r="E56" s="18" t="s">
        <v>2719</v>
      </c>
      <c r="F56" s="18" t="s">
        <v>4509</v>
      </c>
      <c r="G56" s="33" t="s">
        <v>2620</v>
      </c>
    </row>
    <row r="57" spans="1:7" ht="16.95" customHeight="1" x14ac:dyDescent="0.2">
      <c r="A57" s="20"/>
      <c r="B57" s="20"/>
      <c r="C57" s="20"/>
      <c r="D57" s="20"/>
      <c r="E57" s="21" t="s">
        <v>4860</v>
      </c>
      <c r="F57" s="20"/>
      <c r="G57" s="34"/>
    </row>
    <row r="58" spans="1:7" ht="32.25" customHeight="1" x14ac:dyDescent="0.2">
      <c r="A58" s="18" t="s">
        <v>2724</v>
      </c>
      <c r="B58" s="18" t="s">
        <v>2725</v>
      </c>
      <c r="C58" s="18" t="s">
        <v>2726</v>
      </c>
      <c r="D58" s="18" t="s">
        <v>2727</v>
      </c>
      <c r="E58" s="18" t="s">
        <v>2728</v>
      </c>
      <c r="F58" s="18" t="s">
        <v>4510</v>
      </c>
      <c r="G58" s="33" t="s">
        <v>2620</v>
      </c>
    </row>
    <row r="59" spans="1:7" ht="16.95" customHeight="1" x14ac:dyDescent="0.2">
      <c r="A59" s="20"/>
      <c r="B59" s="20"/>
      <c r="C59" s="20"/>
      <c r="D59" s="20"/>
      <c r="E59" s="20" t="s">
        <v>4511</v>
      </c>
      <c r="F59" s="20"/>
      <c r="G59" s="34"/>
    </row>
  </sheetData>
  <phoneticPr fontId="1"/>
  <printOptions horizontalCentered="1"/>
  <pageMargins left="0.6692913385826772" right="0.59055118110236227" top="0.59055118110236227" bottom="0.51181102362204722" header="0.31496062992125984" footer="0.31496062992125984"/>
  <pageSetup paperSize="9" scale="64" fitToHeight="0" orientation="portrait" r:id="rId1"/>
  <headerFooter alignWithMargins="0">
    <oddHeader>&amp;A</oddHeader>
    <oddFooter>&amp;P / &amp;N ページ</oddFooter>
  </headerFooter>
  <rowBreaks count="1" manualBreakCount="1">
    <brk id="51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H1107"/>
  <sheetViews>
    <sheetView view="pageBreakPreview" zoomScale="55" zoomScaleNormal="90" zoomScaleSheetLayoutView="55" workbookViewId="0">
      <pane xSplit="3" ySplit="1" topLeftCell="D2" activePane="bottomRight" state="frozen"/>
      <selection activeCell="P8" sqref="P8"/>
      <selection pane="topRight" activeCell="P8" sqref="P8"/>
      <selection pane="bottomLeft" activeCell="P8" sqref="P8"/>
      <selection pane="bottomRight" sqref="A1:XFD1048576"/>
    </sheetView>
  </sheetViews>
  <sheetFormatPr defaultColWidth="9" defaultRowHeight="20.25" customHeight="1" x14ac:dyDescent="0.2"/>
  <cols>
    <col min="1" max="1" width="5.19921875" style="31" hidden="1" customWidth="1"/>
    <col min="2" max="2" width="36.09765625" style="19" bestFit="1" customWidth="1"/>
    <col min="3" max="3" width="11.5" style="19" customWidth="1"/>
    <col min="4" max="4" width="32.59765625" style="19" customWidth="1"/>
    <col min="5" max="5" width="13.5" style="19" customWidth="1"/>
    <col min="6" max="7" width="26.09765625" style="19" customWidth="1"/>
    <col min="8" max="8" width="10.09765625" style="32" customWidth="1"/>
    <col min="9" max="16384" width="9" style="19"/>
  </cols>
  <sheetData>
    <row r="1" spans="1:8" s="16" customFormat="1" ht="26.4" x14ac:dyDescent="0.2">
      <c r="A1" s="35"/>
      <c r="B1" s="17" t="s">
        <v>2614</v>
      </c>
      <c r="C1" s="17" t="s">
        <v>1</v>
      </c>
      <c r="D1" s="17" t="s">
        <v>2</v>
      </c>
      <c r="E1" s="17" t="s">
        <v>3</v>
      </c>
      <c r="F1" s="17" t="s">
        <v>4</v>
      </c>
      <c r="G1" s="17" t="s">
        <v>2729</v>
      </c>
      <c r="H1" s="17" t="s">
        <v>2616</v>
      </c>
    </row>
    <row r="2" spans="1:8" ht="20.25" customHeight="1" x14ac:dyDescent="0.2">
      <c r="A2" s="50">
        <v>1</v>
      </c>
      <c r="B2" s="18" t="s">
        <v>2730</v>
      </c>
      <c r="C2" s="18" t="s">
        <v>22</v>
      </c>
      <c r="D2" s="18" t="s">
        <v>2618</v>
      </c>
      <c r="E2" s="18" t="s">
        <v>2619</v>
      </c>
      <c r="F2" s="18" t="s">
        <v>1118</v>
      </c>
      <c r="G2" s="18" t="s">
        <v>4512</v>
      </c>
      <c r="H2" s="33" t="s">
        <v>2620</v>
      </c>
    </row>
    <row r="3" spans="1:8" ht="20.25" customHeight="1" x14ac:dyDescent="0.2">
      <c r="A3" s="50"/>
      <c r="B3" s="20"/>
      <c r="C3" s="20"/>
      <c r="D3" s="20"/>
      <c r="E3" s="20"/>
      <c r="F3" s="21" t="s">
        <v>4069</v>
      </c>
      <c r="G3" s="20"/>
      <c r="H3" s="34"/>
    </row>
    <row r="4" spans="1:8" ht="20.25" customHeight="1" x14ac:dyDescent="0.2">
      <c r="A4" s="50">
        <v>2</v>
      </c>
      <c r="B4" s="18" t="s">
        <v>2731</v>
      </c>
      <c r="C4" s="18" t="s">
        <v>32</v>
      </c>
      <c r="D4" s="18" t="s">
        <v>2732</v>
      </c>
      <c r="E4" s="18" t="s">
        <v>2733</v>
      </c>
      <c r="F4" s="18" t="s">
        <v>35</v>
      </c>
      <c r="G4" s="18" t="s">
        <v>4513</v>
      </c>
      <c r="H4" s="33" t="s">
        <v>2620</v>
      </c>
    </row>
    <row r="5" spans="1:8" ht="20.25" customHeight="1" x14ac:dyDescent="0.2">
      <c r="A5" s="50"/>
      <c r="B5" s="20"/>
      <c r="C5" s="20"/>
      <c r="D5" s="20"/>
      <c r="E5" s="20"/>
      <c r="F5" s="21" t="s">
        <v>3753</v>
      </c>
      <c r="G5" s="20"/>
      <c r="H5" s="34"/>
    </row>
    <row r="6" spans="1:8" ht="20.25" customHeight="1" x14ac:dyDescent="0.2">
      <c r="A6" s="50">
        <v>3</v>
      </c>
      <c r="B6" s="18" t="s">
        <v>2734</v>
      </c>
      <c r="C6" s="18" t="s">
        <v>37</v>
      </c>
      <c r="D6" s="18" t="s">
        <v>2735</v>
      </c>
      <c r="E6" s="18" t="s">
        <v>2736</v>
      </c>
      <c r="F6" s="18" t="s">
        <v>40</v>
      </c>
      <c r="G6" s="18" t="s">
        <v>4514</v>
      </c>
      <c r="H6" s="33" t="s">
        <v>2620</v>
      </c>
    </row>
    <row r="7" spans="1:8" ht="20.25" customHeight="1" x14ac:dyDescent="0.2">
      <c r="A7" s="50"/>
      <c r="B7" s="20"/>
      <c r="C7" s="20"/>
      <c r="D7" s="20"/>
      <c r="E7" s="20"/>
      <c r="F7" s="21" t="s">
        <v>3755</v>
      </c>
      <c r="G7" s="20"/>
      <c r="H7" s="34"/>
    </row>
    <row r="8" spans="1:8" ht="20.25" customHeight="1" x14ac:dyDescent="0.2">
      <c r="A8" s="50">
        <v>4</v>
      </c>
      <c r="B8" s="18" t="s">
        <v>2737</v>
      </c>
      <c r="C8" s="18" t="s">
        <v>2738</v>
      </c>
      <c r="D8" s="18" t="s">
        <v>2739</v>
      </c>
      <c r="E8" s="18" t="s">
        <v>2740</v>
      </c>
      <c r="F8" s="18" t="s">
        <v>2741</v>
      </c>
      <c r="G8" s="18" t="s">
        <v>4515</v>
      </c>
      <c r="H8" s="33" t="s">
        <v>2742</v>
      </c>
    </row>
    <row r="9" spans="1:8" ht="20.25" customHeight="1" x14ac:dyDescent="0.2">
      <c r="A9" s="50"/>
      <c r="B9" s="20"/>
      <c r="C9" s="20"/>
      <c r="D9" s="20"/>
      <c r="E9" s="20"/>
      <c r="F9" s="21" t="s">
        <v>4516</v>
      </c>
      <c r="G9" s="20"/>
      <c r="H9" s="34"/>
    </row>
    <row r="10" spans="1:8" ht="20.25" customHeight="1" x14ac:dyDescent="0.2">
      <c r="A10" s="50">
        <v>5</v>
      </c>
      <c r="B10" s="18" t="s">
        <v>2743</v>
      </c>
      <c r="C10" s="18" t="s">
        <v>2622</v>
      </c>
      <c r="D10" s="18" t="s">
        <v>2623</v>
      </c>
      <c r="E10" s="18" t="s">
        <v>2744</v>
      </c>
      <c r="F10" s="18" t="s">
        <v>2625</v>
      </c>
      <c r="G10" s="18" t="s">
        <v>4517</v>
      </c>
      <c r="H10" s="33" t="s">
        <v>2636</v>
      </c>
    </row>
    <row r="11" spans="1:8" ht="20.25" customHeight="1" x14ac:dyDescent="0.2">
      <c r="A11" s="50"/>
      <c r="B11" s="20"/>
      <c r="C11" s="20"/>
      <c r="D11" s="20"/>
      <c r="E11" s="20"/>
      <c r="F11" s="21" t="s">
        <v>4478</v>
      </c>
      <c r="G11" s="20"/>
      <c r="H11" s="34"/>
    </row>
    <row r="12" spans="1:8" ht="20.25" customHeight="1" x14ac:dyDescent="0.2">
      <c r="A12" s="50">
        <v>6</v>
      </c>
      <c r="B12" s="18" t="s">
        <v>2745</v>
      </c>
      <c r="C12" s="18" t="s">
        <v>96</v>
      </c>
      <c r="D12" s="18" t="s">
        <v>97</v>
      </c>
      <c r="E12" s="18" t="s">
        <v>2746</v>
      </c>
      <c r="F12" s="18" t="s">
        <v>99</v>
      </c>
      <c r="G12" s="18" t="s">
        <v>4518</v>
      </c>
      <c r="H12" s="33" t="s">
        <v>2620</v>
      </c>
    </row>
    <row r="13" spans="1:8" ht="20.25" customHeight="1" x14ac:dyDescent="0.2">
      <c r="A13" s="50"/>
      <c r="B13" s="20"/>
      <c r="C13" s="20"/>
      <c r="D13" s="20"/>
      <c r="E13" s="20"/>
      <c r="F13" s="21" t="s">
        <v>4862</v>
      </c>
      <c r="G13" s="20"/>
      <c r="H13" s="34"/>
    </row>
    <row r="14" spans="1:8" ht="20.25" customHeight="1" x14ac:dyDescent="0.2">
      <c r="A14" s="50">
        <v>7</v>
      </c>
      <c r="B14" s="18" t="s">
        <v>2747</v>
      </c>
      <c r="C14" s="18" t="s">
        <v>2627</v>
      </c>
      <c r="D14" s="18" t="s">
        <v>2628</v>
      </c>
      <c r="E14" s="18" t="s">
        <v>2748</v>
      </c>
      <c r="F14" s="18" t="s">
        <v>2630</v>
      </c>
      <c r="G14" s="18" t="s">
        <v>4519</v>
      </c>
      <c r="H14" s="33" t="s">
        <v>2636</v>
      </c>
    </row>
    <row r="15" spans="1:8" ht="20.25" customHeight="1" x14ac:dyDescent="0.2">
      <c r="A15" s="50"/>
      <c r="B15" s="20"/>
      <c r="C15" s="20"/>
      <c r="D15" s="20"/>
      <c r="E15" s="20"/>
      <c r="F15" s="21" t="s">
        <v>4480</v>
      </c>
      <c r="G15" s="20"/>
      <c r="H15" s="34"/>
    </row>
    <row r="16" spans="1:8" ht="20.25" customHeight="1" x14ac:dyDescent="0.2">
      <c r="A16" s="50">
        <v>8</v>
      </c>
      <c r="B16" s="18" t="s">
        <v>2749</v>
      </c>
      <c r="C16" s="18" t="s">
        <v>179</v>
      </c>
      <c r="D16" s="18" t="s">
        <v>2750</v>
      </c>
      <c r="E16" s="18" t="s">
        <v>2751</v>
      </c>
      <c r="F16" s="18" t="s">
        <v>181</v>
      </c>
      <c r="G16" s="18" t="s">
        <v>3793</v>
      </c>
      <c r="H16" s="33" t="s">
        <v>2742</v>
      </c>
    </row>
    <row r="17" spans="1:8" ht="20.25" customHeight="1" x14ac:dyDescent="0.2">
      <c r="A17" s="50"/>
      <c r="B17" s="20"/>
      <c r="C17" s="20"/>
      <c r="D17" s="20"/>
      <c r="E17" s="20"/>
      <c r="F17" s="21" t="s">
        <v>3793</v>
      </c>
      <c r="G17" s="20"/>
      <c r="H17" s="34"/>
    </row>
    <row r="18" spans="1:8" ht="20.25" customHeight="1" x14ac:dyDescent="0.2">
      <c r="A18" s="50">
        <v>9</v>
      </c>
      <c r="B18" s="18" t="s">
        <v>2752</v>
      </c>
      <c r="C18" s="18" t="s">
        <v>2753</v>
      </c>
      <c r="D18" s="18" t="s">
        <v>2754</v>
      </c>
      <c r="E18" s="18" t="s">
        <v>2755</v>
      </c>
      <c r="F18" s="18" t="s">
        <v>2756</v>
      </c>
      <c r="G18" s="18" t="s">
        <v>4520</v>
      </c>
      <c r="H18" s="33" t="s">
        <v>2636</v>
      </c>
    </row>
    <row r="19" spans="1:8" ht="20.25" customHeight="1" x14ac:dyDescent="0.2">
      <c r="A19" s="50"/>
      <c r="B19" s="20"/>
      <c r="C19" s="20"/>
      <c r="D19" s="20"/>
      <c r="E19" s="20"/>
      <c r="F19" s="21" t="s">
        <v>4904</v>
      </c>
      <c r="G19" s="20"/>
      <c r="H19" s="34"/>
    </row>
    <row r="20" spans="1:8" ht="20.25" customHeight="1" x14ac:dyDescent="0.2">
      <c r="A20" s="50">
        <v>10</v>
      </c>
      <c r="B20" s="18" t="s">
        <v>2757</v>
      </c>
      <c r="C20" s="18" t="s">
        <v>2758</v>
      </c>
      <c r="D20" s="18" t="s">
        <v>2759</v>
      </c>
      <c r="E20" s="18" t="s">
        <v>2760</v>
      </c>
      <c r="F20" s="18" t="s">
        <v>2761</v>
      </c>
      <c r="G20" s="18" t="s">
        <v>4521</v>
      </c>
      <c r="H20" s="33" t="s">
        <v>2636</v>
      </c>
    </row>
    <row r="21" spans="1:8" ht="20.25" customHeight="1" x14ac:dyDescent="0.2">
      <c r="A21" s="50"/>
      <c r="B21" s="20"/>
      <c r="C21" s="20"/>
      <c r="D21" s="20"/>
      <c r="E21" s="20"/>
      <c r="F21" s="21" t="s">
        <v>4863</v>
      </c>
      <c r="G21" s="20"/>
      <c r="H21" s="34"/>
    </row>
    <row r="22" spans="1:8" ht="20.25" customHeight="1" x14ac:dyDescent="0.2">
      <c r="A22" s="50">
        <v>11</v>
      </c>
      <c r="B22" s="18" t="s">
        <v>2762</v>
      </c>
      <c r="C22" s="18" t="s">
        <v>193</v>
      </c>
      <c r="D22" s="18" t="s">
        <v>194</v>
      </c>
      <c r="E22" s="18" t="s">
        <v>2763</v>
      </c>
      <c r="F22" s="18" t="s">
        <v>196</v>
      </c>
      <c r="G22" s="18" t="s">
        <v>4522</v>
      </c>
      <c r="H22" s="33" t="s">
        <v>2636</v>
      </c>
    </row>
    <row r="23" spans="1:8" ht="20.25" customHeight="1" x14ac:dyDescent="0.2">
      <c r="A23" s="50"/>
      <c r="B23" s="20"/>
      <c r="C23" s="20"/>
      <c r="D23" s="20"/>
      <c r="E23" s="20"/>
      <c r="F23" s="21" t="s">
        <v>3799</v>
      </c>
      <c r="G23" s="20"/>
      <c r="H23" s="34"/>
    </row>
    <row r="24" spans="1:8" ht="20.25" customHeight="1" x14ac:dyDescent="0.2">
      <c r="A24" s="50">
        <v>12</v>
      </c>
      <c r="B24" s="18" t="s">
        <v>2764</v>
      </c>
      <c r="C24" s="18" t="s">
        <v>2765</v>
      </c>
      <c r="D24" s="18" t="s">
        <v>2766</v>
      </c>
      <c r="E24" s="18" t="s">
        <v>2767</v>
      </c>
      <c r="F24" s="18" t="s">
        <v>2635</v>
      </c>
      <c r="G24" s="18" t="s">
        <v>4523</v>
      </c>
      <c r="H24" s="33" t="s">
        <v>2636</v>
      </c>
    </row>
    <row r="25" spans="1:8" ht="20.25" customHeight="1" x14ac:dyDescent="0.2">
      <c r="A25" s="50"/>
      <c r="B25" s="20"/>
      <c r="C25" s="20"/>
      <c r="D25" s="20"/>
      <c r="E25" s="20"/>
      <c r="F25" s="21" t="s">
        <v>4482</v>
      </c>
      <c r="G25" s="20"/>
      <c r="H25" s="34"/>
    </row>
    <row r="26" spans="1:8" ht="20.25" customHeight="1" x14ac:dyDescent="0.2">
      <c r="A26" s="50">
        <v>13</v>
      </c>
      <c r="B26" s="18" t="s">
        <v>2768</v>
      </c>
      <c r="C26" s="18" t="s">
        <v>275</v>
      </c>
      <c r="D26" s="18" t="s">
        <v>2638</v>
      </c>
      <c r="E26" s="18" t="s">
        <v>2769</v>
      </c>
      <c r="F26" s="18" t="s">
        <v>2640</v>
      </c>
      <c r="G26" s="18" t="s">
        <v>4524</v>
      </c>
      <c r="H26" s="33" t="s">
        <v>2620</v>
      </c>
    </row>
    <row r="27" spans="1:8" ht="20.25" customHeight="1" x14ac:dyDescent="0.2">
      <c r="A27" s="50"/>
      <c r="B27" s="20"/>
      <c r="C27" s="20"/>
      <c r="D27" s="20"/>
      <c r="E27" s="20"/>
      <c r="F27" s="21" t="s">
        <v>4484</v>
      </c>
      <c r="G27" s="20"/>
      <c r="H27" s="34"/>
    </row>
    <row r="28" spans="1:8" ht="20.25" customHeight="1" x14ac:dyDescent="0.2">
      <c r="A28" s="50">
        <v>14</v>
      </c>
      <c r="B28" s="18" t="s">
        <v>2770</v>
      </c>
      <c r="C28" s="18" t="s">
        <v>251</v>
      </c>
      <c r="D28" s="18" t="s">
        <v>2642</v>
      </c>
      <c r="E28" s="18" t="s">
        <v>2771</v>
      </c>
      <c r="F28" s="18" t="s">
        <v>253</v>
      </c>
      <c r="G28" s="18" t="s">
        <v>4864</v>
      </c>
      <c r="H28" s="33" t="s">
        <v>2620</v>
      </c>
    </row>
    <row r="29" spans="1:8" ht="20.25" customHeight="1" x14ac:dyDescent="0.2">
      <c r="A29" s="50"/>
      <c r="B29" s="20"/>
      <c r="C29" s="20"/>
      <c r="D29" s="20"/>
      <c r="E29" s="20"/>
      <c r="F29" s="21" t="s">
        <v>3819</v>
      </c>
      <c r="G29" s="20"/>
      <c r="H29" s="34"/>
    </row>
    <row r="30" spans="1:8" ht="20.25" customHeight="1" x14ac:dyDescent="0.2">
      <c r="A30" s="50">
        <v>15</v>
      </c>
      <c r="B30" s="18" t="s">
        <v>2772</v>
      </c>
      <c r="C30" s="18" t="s">
        <v>2773</v>
      </c>
      <c r="D30" s="18" t="s">
        <v>2646</v>
      </c>
      <c r="E30" s="18" t="s">
        <v>2774</v>
      </c>
      <c r="F30" s="18" t="s">
        <v>2640</v>
      </c>
      <c r="G30" s="18" t="s">
        <v>4865</v>
      </c>
      <c r="H30" s="33" t="s">
        <v>2620</v>
      </c>
    </row>
    <row r="31" spans="1:8" ht="20.25" customHeight="1" x14ac:dyDescent="0.2">
      <c r="A31" s="50"/>
      <c r="B31" s="20"/>
      <c r="C31" s="20"/>
      <c r="D31" s="20"/>
      <c r="E31" s="20"/>
      <c r="F31" s="21" t="s">
        <v>4484</v>
      </c>
      <c r="G31" s="20"/>
      <c r="H31" s="34"/>
    </row>
    <row r="32" spans="1:8" ht="20.25" customHeight="1" x14ac:dyDescent="0.2">
      <c r="A32" s="50">
        <v>16</v>
      </c>
      <c r="B32" s="18" t="s">
        <v>2775</v>
      </c>
      <c r="C32" s="18" t="s">
        <v>2776</v>
      </c>
      <c r="D32" s="18" t="s">
        <v>2777</v>
      </c>
      <c r="E32" s="18" t="s">
        <v>2778</v>
      </c>
      <c r="F32" s="18" t="s">
        <v>2779</v>
      </c>
      <c r="G32" s="18" t="s">
        <v>4525</v>
      </c>
      <c r="H32" s="33" t="s">
        <v>2742</v>
      </c>
    </row>
    <row r="33" spans="1:8" ht="20.25" customHeight="1" x14ac:dyDescent="0.2">
      <c r="A33" s="50"/>
      <c r="B33" s="20"/>
      <c r="C33" s="20"/>
      <c r="D33" s="20"/>
      <c r="E33" s="20"/>
      <c r="F33" s="21" t="s">
        <v>4525</v>
      </c>
      <c r="G33" s="20"/>
      <c r="H33" s="34"/>
    </row>
    <row r="34" spans="1:8" ht="20.25" customHeight="1" x14ac:dyDescent="0.2">
      <c r="A34" s="50">
        <v>17</v>
      </c>
      <c r="B34" s="18" t="s">
        <v>2780</v>
      </c>
      <c r="C34" s="18" t="s">
        <v>445</v>
      </c>
      <c r="D34" s="18" t="s">
        <v>2781</v>
      </c>
      <c r="E34" s="18" t="s">
        <v>2782</v>
      </c>
      <c r="F34" s="18" t="s">
        <v>2783</v>
      </c>
      <c r="G34" s="18" t="s">
        <v>4526</v>
      </c>
      <c r="H34" s="33" t="s">
        <v>2742</v>
      </c>
    </row>
    <row r="35" spans="1:8" ht="20.25" customHeight="1" x14ac:dyDescent="0.2">
      <c r="A35" s="50"/>
      <c r="B35" s="20"/>
      <c r="C35" s="20"/>
      <c r="D35" s="20"/>
      <c r="E35" s="20"/>
      <c r="F35" s="21" t="s">
        <v>4490</v>
      </c>
      <c r="G35" s="20"/>
      <c r="H35" s="34"/>
    </row>
    <row r="36" spans="1:8" ht="20.399999999999999" customHeight="1" x14ac:dyDescent="0.2">
      <c r="A36" s="50">
        <v>18</v>
      </c>
      <c r="B36" s="18" t="s">
        <v>2784</v>
      </c>
      <c r="C36" s="18" t="s">
        <v>2785</v>
      </c>
      <c r="D36" s="18" t="s">
        <v>2786</v>
      </c>
      <c r="E36" s="18" t="s">
        <v>2787</v>
      </c>
      <c r="F36" s="18" t="s">
        <v>2788</v>
      </c>
      <c r="G36" s="18" t="s">
        <v>4527</v>
      </c>
      <c r="H36" s="33" t="s">
        <v>2620</v>
      </c>
    </row>
    <row r="37" spans="1:8" ht="20.399999999999999" customHeight="1" x14ac:dyDescent="0.2">
      <c r="A37" s="50"/>
      <c r="B37" s="20"/>
      <c r="C37" s="20"/>
      <c r="D37" s="20"/>
      <c r="E37" s="20"/>
      <c r="F37" s="21" t="s">
        <v>4504</v>
      </c>
      <c r="G37" s="20"/>
      <c r="H37" s="34"/>
    </row>
    <row r="38" spans="1:8" ht="20.25" customHeight="1" x14ac:dyDescent="0.2">
      <c r="A38" s="50">
        <v>19</v>
      </c>
      <c r="B38" s="18" t="s">
        <v>2789</v>
      </c>
      <c r="C38" s="18" t="s">
        <v>2790</v>
      </c>
      <c r="D38" s="18" t="s">
        <v>2791</v>
      </c>
      <c r="E38" s="18" t="s">
        <v>2792</v>
      </c>
      <c r="F38" s="18" t="s">
        <v>2793</v>
      </c>
      <c r="G38" s="18" t="s">
        <v>4528</v>
      </c>
      <c r="H38" s="33" t="s">
        <v>2742</v>
      </c>
    </row>
    <row r="39" spans="1:8" ht="20.25" customHeight="1" x14ac:dyDescent="0.2">
      <c r="A39" s="50"/>
      <c r="B39" s="20"/>
      <c r="C39" s="20"/>
      <c r="D39" s="20"/>
      <c r="E39" s="20"/>
      <c r="F39" s="21" t="s">
        <v>4529</v>
      </c>
      <c r="G39" s="20"/>
      <c r="H39" s="34"/>
    </row>
    <row r="40" spans="1:8" ht="20.25" customHeight="1" x14ac:dyDescent="0.2">
      <c r="A40" s="50">
        <v>20</v>
      </c>
      <c r="B40" s="18" t="s">
        <v>2794</v>
      </c>
      <c r="C40" s="18" t="s">
        <v>623</v>
      </c>
      <c r="D40" s="18" t="s">
        <v>2795</v>
      </c>
      <c r="E40" s="18" t="s">
        <v>2796</v>
      </c>
      <c r="F40" s="18" t="s">
        <v>2797</v>
      </c>
      <c r="G40" s="18" t="s">
        <v>4530</v>
      </c>
      <c r="H40" s="33" t="s">
        <v>2620</v>
      </c>
    </row>
    <row r="41" spans="1:8" ht="20.25" customHeight="1" x14ac:dyDescent="0.2">
      <c r="A41" s="50"/>
      <c r="B41" s="20"/>
      <c r="C41" s="20"/>
      <c r="D41" s="20"/>
      <c r="E41" s="20"/>
      <c r="F41" s="21" t="s">
        <v>4531</v>
      </c>
      <c r="G41" s="20"/>
      <c r="H41" s="34"/>
    </row>
    <row r="42" spans="1:8" ht="20.25" customHeight="1" x14ac:dyDescent="0.2">
      <c r="A42" s="50">
        <v>21</v>
      </c>
      <c r="B42" s="18" t="s">
        <v>2798</v>
      </c>
      <c r="C42" s="18" t="s">
        <v>2799</v>
      </c>
      <c r="D42" s="18" t="s">
        <v>2800</v>
      </c>
      <c r="E42" s="18" t="s">
        <v>2801</v>
      </c>
      <c r="F42" s="18" t="s">
        <v>2802</v>
      </c>
      <c r="G42" s="18" t="s">
        <v>4532</v>
      </c>
      <c r="H42" s="33" t="s">
        <v>2620</v>
      </c>
    </row>
    <row r="43" spans="1:8" ht="20.25" customHeight="1" x14ac:dyDescent="0.2">
      <c r="A43" s="50"/>
      <c r="B43" s="20"/>
      <c r="C43" s="20"/>
      <c r="D43" s="20"/>
      <c r="E43" s="20"/>
      <c r="F43" s="21" t="s">
        <v>4533</v>
      </c>
      <c r="G43" s="20"/>
      <c r="H43" s="34"/>
    </row>
    <row r="44" spans="1:8" ht="20.25" customHeight="1" x14ac:dyDescent="0.2">
      <c r="A44" s="50">
        <v>22</v>
      </c>
      <c r="B44" s="18" t="s">
        <v>2803</v>
      </c>
      <c r="C44" s="18" t="s">
        <v>2804</v>
      </c>
      <c r="D44" s="18" t="s">
        <v>2805</v>
      </c>
      <c r="E44" s="18" t="s">
        <v>2806</v>
      </c>
      <c r="F44" s="18" t="s">
        <v>2807</v>
      </c>
      <c r="G44" s="18" t="s">
        <v>4534</v>
      </c>
      <c r="H44" s="33" t="s">
        <v>2620</v>
      </c>
    </row>
    <row r="45" spans="1:8" ht="20.25" customHeight="1" x14ac:dyDescent="0.2">
      <c r="A45" s="50"/>
      <c r="B45" s="20"/>
      <c r="C45" s="20"/>
      <c r="D45" s="20"/>
      <c r="E45" s="20"/>
      <c r="F45" s="21" t="s">
        <v>4535</v>
      </c>
      <c r="G45" s="20"/>
      <c r="H45" s="34"/>
    </row>
    <row r="46" spans="1:8" ht="20.25" customHeight="1" x14ac:dyDescent="0.2">
      <c r="A46" s="50">
        <v>23</v>
      </c>
      <c r="B46" s="18" t="s">
        <v>2808</v>
      </c>
      <c r="C46" s="18" t="s">
        <v>2809</v>
      </c>
      <c r="D46" s="18" t="s">
        <v>2810</v>
      </c>
      <c r="E46" s="18" t="s">
        <v>2811</v>
      </c>
      <c r="F46" s="18" t="s">
        <v>2812</v>
      </c>
      <c r="G46" s="18" t="s">
        <v>4536</v>
      </c>
      <c r="H46" s="33" t="s">
        <v>2813</v>
      </c>
    </row>
    <row r="47" spans="1:8" ht="20.25" customHeight="1" x14ac:dyDescent="0.2">
      <c r="A47" s="50"/>
      <c r="B47" s="20"/>
      <c r="C47" s="20"/>
      <c r="D47" s="20"/>
      <c r="E47" s="20"/>
      <c r="F47" s="21" t="s">
        <v>4536</v>
      </c>
      <c r="G47" s="20"/>
      <c r="H47" s="34"/>
    </row>
    <row r="48" spans="1:8" ht="20.25" customHeight="1" x14ac:dyDescent="0.2">
      <c r="A48" s="50">
        <v>24</v>
      </c>
      <c r="B48" s="18" t="s">
        <v>2814</v>
      </c>
      <c r="C48" s="18" t="s">
        <v>877</v>
      </c>
      <c r="D48" s="18" t="s">
        <v>878</v>
      </c>
      <c r="E48" s="18" t="s">
        <v>2815</v>
      </c>
      <c r="F48" s="18" t="s">
        <v>880</v>
      </c>
      <c r="G48" s="18" t="s">
        <v>4537</v>
      </c>
      <c r="H48" s="33" t="s">
        <v>2620</v>
      </c>
    </row>
    <row r="49" spans="1:8" ht="20.25" customHeight="1" x14ac:dyDescent="0.2">
      <c r="A49" s="50"/>
      <c r="B49" s="20"/>
      <c r="C49" s="20"/>
      <c r="D49" s="20"/>
      <c r="E49" s="20"/>
      <c r="F49" s="21" t="s">
        <v>4000</v>
      </c>
      <c r="G49" s="20"/>
      <c r="H49" s="34"/>
    </row>
    <row r="50" spans="1:8" ht="20.25" customHeight="1" x14ac:dyDescent="0.2">
      <c r="A50" s="50">
        <v>25</v>
      </c>
      <c r="B50" s="18" t="s">
        <v>2816</v>
      </c>
      <c r="C50" s="18" t="s">
        <v>2817</v>
      </c>
      <c r="D50" s="18" t="s">
        <v>2818</v>
      </c>
      <c r="E50" s="18" t="s">
        <v>2819</v>
      </c>
      <c r="F50" s="18" t="s">
        <v>2820</v>
      </c>
      <c r="G50" s="18" t="s">
        <v>4538</v>
      </c>
      <c r="H50" s="33" t="s">
        <v>2620</v>
      </c>
    </row>
    <row r="51" spans="1:8" ht="20.25" customHeight="1" x14ac:dyDescent="0.2">
      <c r="A51" s="50"/>
      <c r="B51" s="20"/>
      <c r="C51" s="20"/>
      <c r="D51" s="20"/>
      <c r="E51" s="20"/>
      <c r="F51" s="21" t="s">
        <v>4539</v>
      </c>
      <c r="G51" s="20"/>
      <c r="H51" s="34"/>
    </row>
    <row r="52" spans="1:8" ht="20.25" customHeight="1" x14ac:dyDescent="0.2">
      <c r="A52" s="50">
        <v>26</v>
      </c>
      <c r="B52" s="18" t="s">
        <v>2821</v>
      </c>
      <c r="C52" s="18" t="s">
        <v>868</v>
      </c>
      <c r="D52" s="18" t="s">
        <v>2822</v>
      </c>
      <c r="E52" s="18" t="s">
        <v>2823</v>
      </c>
      <c r="F52" s="18" t="s">
        <v>99</v>
      </c>
      <c r="G52" s="18" t="s">
        <v>4540</v>
      </c>
      <c r="H52" s="33" t="s">
        <v>2824</v>
      </c>
    </row>
    <row r="53" spans="1:8" ht="20.25" customHeight="1" x14ac:dyDescent="0.2">
      <c r="A53" s="50"/>
      <c r="B53" s="20"/>
      <c r="C53" s="20"/>
      <c r="D53" s="20"/>
      <c r="E53" s="20"/>
      <c r="F53" s="21" t="s">
        <v>4862</v>
      </c>
      <c r="G53" s="20"/>
      <c r="H53" s="34"/>
    </row>
    <row r="54" spans="1:8" ht="20.25" customHeight="1" x14ac:dyDescent="0.2">
      <c r="A54" s="50">
        <v>27</v>
      </c>
      <c r="B54" s="18" t="s">
        <v>2825</v>
      </c>
      <c r="C54" s="18" t="s">
        <v>906</v>
      </c>
      <c r="D54" s="18" t="s">
        <v>2826</v>
      </c>
      <c r="E54" s="18" t="s">
        <v>2827</v>
      </c>
      <c r="F54" s="18" t="s">
        <v>458</v>
      </c>
      <c r="G54" s="18" t="s">
        <v>4541</v>
      </c>
      <c r="H54" s="33" t="s">
        <v>2620</v>
      </c>
    </row>
    <row r="55" spans="1:8" ht="20.25" customHeight="1" x14ac:dyDescent="0.2">
      <c r="A55" s="50"/>
      <c r="B55" s="20"/>
      <c r="C55" s="20"/>
      <c r="D55" s="20"/>
      <c r="E55" s="20"/>
      <c r="F55" s="21" t="s">
        <v>3880</v>
      </c>
      <c r="G55" s="20"/>
      <c r="H55" s="34"/>
    </row>
    <row r="56" spans="1:8" ht="20.25" customHeight="1" x14ac:dyDescent="0.2">
      <c r="A56" s="50">
        <v>28</v>
      </c>
      <c r="B56" s="18" t="s">
        <v>2828</v>
      </c>
      <c r="C56" s="18" t="s">
        <v>2829</v>
      </c>
      <c r="D56" s="18" t="s">
        <v>2830</v>
      </c>
      <c r="E56" s="18" t="s">
        <v>2831</v>
      </c>
      <c r="F56" s="18" t="s">
        <v>2832</v>
      </c>
      <c r="G56" s="18" t="s">
        <v>4542</v>
      </c>
      <c r="H56" s="33" t="s">
        <v>2742</v>
      </c>
    </row>
    <row r="57" spans="1:8" ht="20.25" customHeight="1" x14ac:dyDescent="0.2">
      <c r="A57" s="50"/>
      <c r="B57" s="20"/>
      <c r="C57" s="20"/>
      <c r="D57" s="20"/>
      <c r="E57" s="20"/>
      <c r="F57" s="21" t="s">
        <v>4542</v>
      </c>
      <c r="G57" s="20"/>
      <c r="H57" s="34"/>
    </row>
    <row r="58" spans="1:8" ht="20.25" customHeight="1" x14ac:dyDescent="0.2">
      <c r="A58" s="50">
        <v>29</v>
      </c>
      <c r="B58" s="18" t="s">
        <v>2833</v>
      </c>
      <c r="C58" s="18" t="s">
        <v>2834</v>
      </c>
      <c r="D58" s="18" t="s">
        <v>2835</v>
      </c>
      <c r="E58" s="18" t="s">
        <v>2836</v>
      </c>
      <c r="F58" s="18" t="s">
        <v>2837</v>
      </c>
      <c r="G58" s="18" t="s">
        <v>4543</v>
      </c>
      <c r="H58" s="33" t="s">
        <v>2813</v>
      </c>
    </row>
    <row r="59" spans="1:8" ht="20.25" customHeight="1" x14ac:dyDescent="0.2">
      <c r="A59" s="50"/>
      <c r="B59" s="20"/>
      <c r="C59" s="20"/>
      <c r="D59" s="20"/>
      <c r="E59" s="20"/>
      <c r="F59" s="21" t="s">
        <v>4544</v>
      </c>
      <c r="G59" s="20"/>
      <c r="H59" s="34"/>
    </row>
    <row r="60" spans="1:8" ht="20.25" customHeight="1" x14ac:dyDescent="0.2">
      <c r="A60" s="50">
        <v>30</v>
      </c>
      <c r="B60" s="18" t="s">
        <v>2838</v>
      </c>
      <c r="C60" s="18" t="s">
        <v>1200</v>
      </c>
      <c r="D60" s="18" t="s">
        <v>1201</v>
      </c>
      <c r="E60" s="18" t="s">
        <v>2661</v>
      </c>
      <c r="F60" s="18" t="s">
        <v>1203</v>
      </c>
      <c r="G60" s="18" t="s">
        <v>4854</v>
      </c>
      <c r="H60" s="33" t="s">
        <v>2620</v>
      </c>
    </row>
    <row r="61" spans="1:8" ht="20.25" customHeight="1" x14ac:dyDescent="0.2">
      <c r="A61" s="50"/>
      <c r="B61" s="20"/>
      <c r="C61" s="20"/>
      <c r="D61" s="20"/>
      <c r="E61" s="20"/>
      <c r="F61" s="21" t="s">
        <v>4091</v>
      </c>
      <c r="G61" s="20"/>
      <c r="H61" s="34"/>
    </row>
    <row r="62" spans="1:8" ht="20.25" customHeight="1" x14ac:dyDescent="0.2">
      <c r="A62" s="50">
        <v>31</v>
      </c>
      <c r="B62" s="18" t="s">
        <v>2839</v>
      </c>
      <c r="C62" s="18" t="s">
        <v>2840</v>
      </c>
      <c r="D62" s="18" t="s">
        <v>2841</v>
      </c>
      <c r="E62" s="18" t="s">
        <v>2842</v>
      </c>
      <c r="F62" s="18" t="s">
        <v>2843</v>
      </c>
      <c r="G62" s="18" t="s">
        <v>4545</v>
      </c>
      <c r="H62" s="33" t="s">
        <v>2620</v>
      </c>
    </row>
    <row r="63" spans="1:8" ht="20.25" customHeight="1" x14ac:dyDescent="0.2">
      <c r="A63" s="50"/>
      <c r="B63" s="20"/>
      <c r="C63" s="20"/>
      <c r="D63" s="20"/>
      <c r="E63" s="20"/>
      <c r="F63" s="21" t="s">
        <v>4546</v>
      </c>
      <c r="G63" s="20"/>
      <c r="H63" s="34"/>
    </row>
    <row r="64" spans="1:8" ht="20.25" customHeight="1" x14ac:dyDescent="0.2">
      <c r="A64" s="50">
        <v>32</v>
      </c>
      <c r="B64" s="18" t="s">
        <v>2844</v>
      </c>
      <c r="C64" s="18" t="s">
        <v>1282</v>
      </c>
      <c r="D64" s="18" t="s">
        <v>1283</v>
      </c>
      <c r="E64" s="18" t="s">
        <v>2845</v>
      </c>
      <c r="F64" s="18" t="s">
        <v>1285</v>
      </c>
      <c r="G64" s="18" t="s">
        <v>4547</v>
      </c>
      <c r="H64" s="33" t="s">
        <v>2636</v>
      </c>
    </row>
    <row r="65" spans="1:8" ht="20.25" customHeight="1" x14ac:dyDescent="0.2">
      <c r="A65" s="50"/>
      <c r="B65" s="20"/>
      <c r="C65" s="20"/>
      <c r="D65" s="20"/>
      <c r="E65" s="20"/>
      <c r="F65" s="21" t="s">
        <v>4113</v>
      </c>
      <c r="G65" s="20"/>
      <c r="H65" s="34"/>
    </row>
    <row r="66" spans="1:8" ht="20.25" customHeight="1" x14ac:dyDescent="0.2">
      <c r="A66" s="50">
        <v>33</v>
      </c>
      <c r="B66" s="18" t="s">
        <v>2846</v>
      </c>
      <c r="C66" s="18" t="s">
        <v>1307</v>
      </c>
      <c r="D66" s="18" t="s">
        <v>1308</v>
      </c>
      <c r="E66" s="18" t="s">
        <v>2847</v>
      </c>
      <c r="F66" s="18" t="s">
        <v>1310</v>
      </c>
      <c r="G66" s="18" t="s">
        <v>4548</v>
      </c>
      <c r="H66" s="33" t="s">
        <v>2636</v>
      </c>
    </row>
    <row r="67" spans="1:8" ht="20.25" customHeight="1" x14ac:dyDescent="0.2">
      <c r="A67" s="50"/>
      <c r="B67" s="20"/>
      <c r="C67" s="20"/>
      <c r="D67" s="20"/>
      <c r="E67" s="20"/>
      <c r="F67" s="21" t="s">
        <v>4122</v>
      </c>
      <c r="G67" s="20"/>
      <c r="H67" s="34"/>
    </row>
    <row r="68" spans="1:8" ht="20.25" customHeight="1" x14ac:dyDescent="0.2">
      <c r="A68" s="50">
        <v>34</v>
      </c>
      <c r="B68" s="18" t="s">
        <v>2848</v>
      </c>
      <c r="C68" s="18" t="s">
        <v>2849</v>
      </c>
      <c r="D68" s="18" t="s">
        <v>2850</v>
      </c>
      <c r="E68" s="18" t="s">
        <v>2851</v>
      </c>
      <c r="F68" s="18" t="s">
        <v>2852</v>
      </c>
      <c r="G68" s="18" t="s">
        <v>4549</v>
      </c>
      <c r="H68" s="33" t="s">
        <v>2636</v>
      </c>
    </row>
    <row r="69" spans="1:8" ht="20.25" customHeight="1" x14ac:dyDescent="0.2">
      <c r="A69" s="50"/>
      <c r="B69" s="20"/>
      <c r="C69" s="20"/>
      <c r="D69" s="20"/>
      <c r="E69" s="20"/>
      <c r="F69" s="21" t="s">
        <v>4550</v>
      </c>
      <c r="G69" s="20"/>
      <c r="H69" s="34"/>
    </row>
    <row r="70" spans="1:8" ht="20.25" customHeight="1" x14ac:dyDescent="0.2">
      <c r="A70" s="50">
        <v>35</v>
      </c>
      <c r="B70" s="18" t="s">
        <v>2853</v>
      </c>
      <c r="C70" s="18" t="s">
        <v>2854</v>
      </c>
      <c r="D70" s="18" t="s">
        <v>2855</v>
      </c>
      <c r="E70" s="18" t="s">
        <v>2856</v>
      </c>
      <c r="F70" s="18" t="s">
        <v>1339</v>
      </c>
      <c r="G70" s="18" t="s">
        <v>4551</v>
      </c>
      <c r="H70" s="33" t="s">
        <v>2620</v>
      </c>
    </row>
    <row r="71" spans="1:8" ht="20.25" customHeight="1" x14ac:dyDescent="0.2">
      <c r="A71" s="50"/>
      <c r="B71" s="20"/>
      <c r="C71" s="20"/>
      <c r="D71" s="20"/>
      <c r="E71" s="20"/>
      <c r="F71" s="21" t="s">
        <v>4131</v>
      </c>
      <c r="G71" s="20"/>
      <c r="H71" s="34"/>
    </row>
    <row r="72" spans="1:8" ht="20.25" customHeight="1" x14ac:dyDescent="0.2">
      <c r="A72" s="50">
        <v>36</v>
      </c>
      <c r="B72" s="18" t="s">
        <v>2857</v>
      </c>
      <c r="C72" s="18" t="s">
        <v>2672</v>
      </c>
      <c r="D72" s="18" t="s">
        <v>2673</v>
      </c>
      <c r="E72" s="18" t="s">
        <v>2674</v>
      </c>
      <c r="F72" s="18" t="s">
        <v>2675</v>
      </c>
      <c r="G72" s="18" t="s">
        <v>4866</v>
      </c>
      <c r="H72" s="33" t="s">
        <v>2620</v>
      </c>
    </row>
    <row r="73" spans="1:8" ht="20.25" customHeight="1" x14ac:dyDescent="0.2">
      <c r="A73" s="50"/>
      <c r="B73" s="20"/>
      <c r="C73" s="20"/>
      <c r="D73" s="20"/>
      <c r="E73" s="20"/>
      <c r="F73" s="21" t="s">
        <v>4494</v>
      </c>
      <c r="G73" s="20"/>
      <c r="H73" s="34"/>
    </row>
    <row r="74" spans="1:8" ht="20.25" customHeight="1" x14ac:dyDescent="0.2">
      <c r="A74" s="50">
        <v>37</v>
      </c>
      <c r="B74" s="18" t="s">
        <v>2858</v>
      </c>
      <c r="C74" s="18" t="s">
        <v>2677</v>
      </c>
      <c r="D74" s="18" t="s">
        <v>2678</v>
      </c>
      <c r="E74" s="18" t="s">
        <v>2859</v>
      </c>
      <c r="F74" s="18" t="s">
        <v>2680</v>
      </c>
      <c r="G74" s="18" t="s">
        <v>4552</v>
      </c>
      <c r="H74" s="33" t="s">
        <v>2636</v>
      </c>
    </row>
    <row r="75" spans="1:8" ht="20.25" customHeight="1" x14ac:dyDescent="0.2">
      <c r="A75" s="50"/>
      <c r="B75" s="20"/>
      <c r="C75" s="20"/>
      <c r="D75" s="20"/>
      <c r="E75" s="20"/>
      <c r="F75" s="21" t="s">
        <v>4495</v>
      </c>
      <c r="G75" s="20"/>
      <c r="H75" s="34"/>
    </row>
    <row r="76" spans="1:8" ht="20.25" customHeight="1" x14ac:dyDescent="0.2">
      <c r="A76" s="50">
        <v>38</v>
      </c>
      <c r="B76" s="18" t="s">
        <v>2860</v>
      </c>
      <c r="C76" s="18" t="s">
        <v>2861</v>
      </c>
      <c r="D76" s="18" t="s">
        <v>2862</v>
      </c>
      <c r="E76" s="18" t="s">
        <v>2863</v>
      </c>
      <c r="F76" s="18" t="s">
        <v>2864</v>
      </c>
      <c r="G76" s="18" t="s">
        <v>4553</v>
      </c>
      <c r="H76" s="33" t="s">
        <v>2620</v>
      </c>
    </row>
    <row r="77" spans="1:8" ht="20.25" customHeight="1" x14ac:dyDescent="0.2">
      <c r="A77" s="50"/>
      <c r="B77" s="20"/>
      <c r="C77" s="20"/>
      <c r="D77" s="20"/>
      <c r="E77" s="20"/>
      <c r="F77" s="21" t="s">
        <v>4554</v>
      </c>
      <c r="G77" s="20"/>
      <c r="H77" s="34"/>
    </row>
    <row r="78" spans="1:8" ht="19.2" customHeight="1" x14ac:dyDescent="0.2">
      <c r="A78" s="50">
        <v>39</v>
      </c>
      <c r="B78" s="18" t="s">
        <v>4905</v>
      </c>
      <c r="C78" s="18" t="s">
        <v>2865</v>
      </c>
      <c r="D78" s="18" t="s">
        <v>2866</v>
      </c>
      <c r="E78" s="18" t="s">
        <v>2867</v>
      </c>
      <c r="F78" s="18" t="s">
        <v>2868</v>
      </c>
      <c r="G78" s="18" t="s">
        <v>4555</v>
      </c>
      <c r="H78" s="33" t="s">
        <v>2636</v>
      </c>
    </row>
    <row r="79" spans="1:8" ht="19.2" customHeight="1" x14ac:dyDescent="0.2">
      <c r="A79" s="50"/>
      <c r="B79" s="20"/>
      <c r="C79" s="20"/>
      <c r="D79" s="20"/>
      <c r="E79" s="20"/>
      <c r="F79" s="20" t="s">
        <v>4867</v>
      </c>
      <c r="G79" s="20"/>
      <c r="H79" s="34"/>
    </row>
    <row r="80" spans="1:8" ht="20.25" customHeight="1" x14ac:dyDescent="0.2">
      <c r="A80" s="50">
        <v>40</v>
      </c>
      <c r="B80" s="18" t="s">
        <v>2869</v>
      </c>
      <c r="C80" s="18" t="s">
        <v>2682</v>
      </c>
      <c r="D80" s="18" t="s">
        <v>2683</v>
      </c>
      <c r="E80" s="18" t="s">
        <v>2684</v>
      </c>
      <c r="F80" s="18" t="s">
        <v>2685</v>
      </c>
      <c r="G80" s="18" t="s">
        <v>4556</v>
      </c>
      <c r="H80" s="33" t="s">
        <v>2620</v>
      </c>
    </row>
    <row r="81" spans="1:8" ht="20.25" customHeight="1" x14ac:dyDescent="0.2">
      <c r="A81" s="50"/>
      <c r="B81" s="20"/>
      <c r="C81" s="20"/>
      <c r="D81" s="20"/>
      <c r="E81" s="20"/>
      <c r="F81" s="20" t="s">
        <v>4497</v>
      </c>
      <c r="G81" s="20"/>
      <c r="H81" s="34"/>
    </row>
    <row r="82" spans="1:8" ht="20.25" customHeight="1" x14ac:dyDescent="0.2">
      <c r="A82" s="50">
        <v>41</v>
      </c>
      <c r="B82" s="18" t="s">
        <v>2870</v>
      </c>
      <c r="C82" s="18" t="s">
        <v>2871</v>
      </c>
      <c r="D82" s="18" t="s">
        <v>2872</v>
      </c>
      <c r="E82" s="18" t="s">
        <v>2873</v>
      </c>
      <c r="F82" s="18" t="s">
        <v>2874</v>
      </c>
      <c r="G82" s="18" t="s">
        <v>4557</v>
      </c>
      <c r="H82" s="33" t="s">
        <v>2742</v>
      </c>
    </row>
    <row r="83" spans="1:8" ht="20.25" customHeight="1" x14ac:dyDescent="0.2">
      <c r="A83" s="50"/>
      <c r="B83" s="20"/>
      <c r="C83" s="20"/>
      <c r="D83" s="20"/>
      <c r="E83" s="20"/>
      <c r="F83" s="21" t="s">
        <v>4558</v>
      </c>
      <c r="G83" s="20"/>
      <c r="H83" s="34"/>
    </row>
    <row r="84" spans="1:8" ht="20.25" customHeight="1" x14ac:dyDescent="0.2">
      <c r="A84" s="50">
        <v>42</v>
      </c>
      <c r="B84" s="18" t="s">
        <v>2875</v>
      </c>
      <c r="C84" s="18" t="s">
        <v>1872</v>
      </c>
      <c r="D84" s="18" t="s">
        <v>2876</v>
      </c>
      <c r="E84" s="18" t="s">
        <v>2877</v>
      </c>
      <c r="F84" s="18" t="s">
        <v>2878</v>
      </c>
      <c r="G84" s="18" t="s">
        <v>4868</v>
      </c>
      <c r="H84" s="33" t="s">
        <v>2742</v>
      </c>
    </row>
    <row r="85" spans="1:8" ht="20.25" customHeight="1" x14ac:dyDescent="0.2">
      <c r="A85" s="50"/>
      <c r="B85" s="20"/>
      <c r="C85" s="20"/>
      <c r="D85" s="20"/>
      <c r="E85" s="20"/>
      <c r="F85" s="21" t="s">
        <v>4559</v>
      </c>
      <c r="G85" s="20"/>
      <c r="H85" s="34"/>
    </row>
    <row r="86" spans="1:8" ht="20.25" customHeight="1" x14ac:dyDescent="0.2">
      <c r="A86" s="50">
        <v>43</v>
      </c>
      <c r="B86" s="18" t="s">
        <v>2879</v>
      </c>
      <c r="C86" s="18" t="s">
        <v>1912</v>
      </c>
      <c r="D86" s="18" t="s">
        <v>2880</v>
      </c>
      <c r="E86" s="18" t="s">
        <v>2881</v>
      </c>
      <c r="F86" s="18" t="s">
        <v>2882</v>
      </c>
      <c r="G86" s="18" t="s">
        <v>4560</v>
      </c>
      <c r="H86" s="33" t="s">
        <v>2636</v>
      </c>
    </row>
    <row r="87" spans="1:8" ht="20.25" customHeight="1" x14ac:dyDescent="0.2">
      <c r="A87" s="50"/>
      <c r="B87" s="20"/>
      <c r="C87" s="20"/>
      <c r="D87" s="20"/>
      <c r="E87" s="20"/>
      <c r="F87" s="21" t="s">
        <v>4561</v>
      </c>
      <c r="G87" s="20"/>
      <c r="H87" s="34"/>
    </row>
    <row r="88" spans="1:8" ht="20.25" customHeight="1" x14ac:dyDescent="0.2">
      <c r="A88" s="50">
        <v>44</v>
      </c>
      <c r="B88" s="18" t="s">
        <v>2883</v>
      </c>
      <c r="C88" s="18" t="s">
        <v>1872</v>
      </c>
      <c r="D88" s="18" t="s">
        <v>2884</v>
      </c>
      <c r="E88" s="18" t="s">
        <v>2885</v>
      </c>
      <c r="F88" s="18" t="s">
        <v>2886</v>
      </c>
      <c r="G88" s="18" t="s">
        <v>4562</v>
      </c>
      <c r="H88" s="33" t="s">
        <v>2636</v>
      </c>
    </row>
    <row r="89" spans="1:8" ht="20.25" customHeight="1" x14ac:dyDescent="0.2">
      <c r="A89" s="50"/>
      <c r="B89" s="20"/>
      <c r="C89" s="20"/>
      <c r="D89" s="20"/>
      <c r="E89" s="20"/>
      <c r="F89" s="21" t="s">
        <v>4563</v>
      </c>
      <c r="G89" s="20"/>
      <c r="H89" s="34"/>
    </row>
    <row r="90" spans="1:8" ht="20.25" customHeight="1" x14ac:dyDescent="0.2">
      <c r="A90" s="50">
        <v>45</v>
      </c>
      <c r="B90" s="18" t="s">
        <v>4869</v>
      </c>
      <c r="C90" s="18" t="s">
        <v>1877</v>
      </c>
      <c r="D90" s="18" t="s">
        <v>1878</v>
      </c>
      <c r="E90" s="18" t="s">
        <v>1879</v>
      </c>
      <c r="F90" s="18" t="s">
        <v>1880</v>
      </c>
      <c r="G90" s="18" t="s">
        <v>4870</v>
      </c>
      <c r="H90" s="33" t="s">
        <v>2824</v>
      </c>
    </row>
    <row r="91" spans="1:8" ht="20.25" customHeight="1" x14ac:dyDescent="0.2">
      <c r="A91" s="50"/>
      <c r="B91" s="20"/>
      <c r="C91" s="20"/>
      <c r="D91" s="20"/>
      <c r="E91" s="20"/>
      <c r="F91" s="21" t="s">
        <v>4283</v>
      </c>
      <c r="G91" s="20"/>
      <c r="H91" s="34"/>
    </row>
    <row r="92" spans="1:8" ht="20.25" customHeight="1" x14ac:dyDescent="0.2">
      <c r="A92" s="50">
        <v>46</v>
      </c>
      <c r="B92" s="18" t="s">
        <v>2887</v>
      </c>
      <c r="C92" s="18" t="s">
        <v>1862</v>
      </c>
      <c r="D92" s="18" t="s">
        <v>2888</v>
      </c>
      <c r="E92" s="18" t="s">
        <v>2889</v>
      </c>
      <c r="F92" s="18" t="s">
        <v>2691</v>
      </c>
      <c r="G92" s="18" t="s">
        <v>4564</v>
      </c>
      <c r="H92" s="33" t="s">
        <v>2636</v>
      </c>
    </row>
    <row r="93" spans="1:8" ht="20.25" customHeight="1" x14ac:dyDescent="0.2">
      <c r="A93" s="50"/>
      <c r="B93" s="20"/>
      <c r="C93" s="20"/>
      <c r="D93" s="20"/>
      <c r="E93" s="20"/>
      <c r="F93" s="21" t="s">
        <v>4500</v>
      </c>
      <c r="G93" s="20"/>
      <c r="H93" s="34"/>
    </row>
    <row r="94" spans="1:8" ht="20.25" customHeight="1" x14ac:dyDescent="0.2">
      <c r="A94" s="50">
        <v>47</v>
      </c>
      <c r="B94" s="18" t="s">
        <v>2890</v>
      </c>
      <c r="C94" s="18" t="s">
        <v>1968</v>
      </c>
      <c r="D94" s="18" t="s">
        <v>2891</v>
      </c>
      <c r="E94" s="18" t="s">
        <v>1970</v>
      </c>
      <c r="F94" s="18" t="s">
        <v>1971</v>
      </c>
      <c r="G94" s="18" t="s">
        <v>4871</v>
      </c>
      <c r="H94" s="33" t="s">
        <v>2620</v>
      </c>
    </row>
    <row r="95" spans="1:8" ht="20.25" customHeight="1" x14ac:dyDescent="0.2">
      <c r="A95" s="50"/>
      <c r="B95" s="20"/>
      <c r="C95" s="20"/>
      <c r="D95" s="20"/>
      <c r="E95" s="20"/>
      <c r="F95" s="21" t="s">
        <v>4306</v>
      </c>
      <c r="G95" s="20"/>
      <c r="H95" s="34"/>
    </row>
    <row r="96" spans="1:8" ht="20.25" customHeight="1" x14ac:dyDescent="0.2">
      <c r="A96" s="50">
        <v>48</v>
      </c>
      <c r="B96" s="18" t="s">
        <v>2892</v>
      </c>
      <c r="C96" s="18" t="s">
        <v>2893</v>
      </c>
      <c r="D96" s="18" t="s">
        <v>2894</v>
      </c>
      <c r="E96" s="18" t="s">
        <v>2895</v>
      </c>
      <c r="F96" s="18" t="s">
        <v>1976</v>
      </c>
      <c r="G96" s="18" t="s">
        <v>4565</v>
      </c>
      <c r="H96" s="33" t="s">
        <v>2636</v>
      </c>
    </row>
    <row r="97" spans="1:8" ht="20.25" customHeight="1" x14ac:dyDescent="0.2">
      <c r="A97" s="50"/>
      <c r="B97" s="20"/>
      <c r="C97" s="20"/>
      <c r="D97" s="20"/>
      <c r="E97" s="20"/>
      <c r="F97" s="21" t="s">
        <v>4308</v>
      </c>
      <c r="G97" s="20"/>
      <c r="H97" s="34"/>
    </row>
    <row r="98" spans="1:8" ht="20.25" customHeight="1" x14ac:dyDescent="0.2">
      <c r="A98" s="50">
        <v>49</v>
      </c>
      <c r="B98" s="18" t="s">
        <v>2896</v>
      </c>
      <c r="C98" s="18" t="s">
        <v>2897</v>
      </c>
      <c r="D98" s="18" t="s">
        <v>2898</v>
      </c>
      <c r="E98" s="18" t="s">
        <v>2899</v>
      </c>
      <c r="F98" s="18" t="s">
        <v>2900</v>
      </c>
      <c r="G98" s="18" t="s">
        <v>4566</v>
      </c>
      <c r="H98" s="33" t="s">
        <v>2636</v>
      </c>
    </row>
    <row r="99" spans="1:8" ht="20.25" customHeight="1" x14ac:dyDescent="0.2">
      <c r="A99" s="50"/>
      <c r="B99" s="20"/>
      <c r="C99" s="20"/>
      <c r="D99" s="20"/>
      <c r="E99" s="20"/>
      <c r="F99" s="21" t="s">
        <v>4335</v>
      </c>
      <c r="G99" s="20"/>
      <c r="H99" s="34"/>
    </row>
    <row r="100" spans="1:8" ht="20.25" customHeight="1" x14ac:dyDescent="0.2">
      <c r="A100" s="50">
        <v>50</v>
      </c>
      <c r="B100" s="18" t="s">
        <v>2901</v>
      </c>
      <c r="C100" s="18" t="s">
        <v>1936</v>
      </c>
      <c r="D100" s="18" t="s">
        <v>2902</v>
      </c>
      <c r="E100" s="18" t="s">
        <v>2903</v>
      </c>
      <c r="F100" s="18" t="s">
        <v>2783</v>
      </c>
      <c r="G100" s="18" t="s">
        <v>4567</v>
      </c>
      <c r="H100" s="33" t="s">
        <v>2620</v>
      </c>
    </row>
    <row r="101" spans="1:8" ht="20.25" customHeight="1" x14ac:dyDescent="0.2">
      <c r="A101" s="50"/>
      <c r="B101" s="20"/>
      <c r="C101" s="20"/>
      <c r="D101" s="20"/>
      <c r="E101" s="20"/>
      <c r="F101" s="21" t="s">
        <v>4490</v>
      </c>
      <c r="G101" s="20"/>
      <c r="H101" s="34"/>
    </row>
    <row r="102" spans="1:8" ht="20.25" customHeight="1" x14ac:dyDescent="0.2">
      <c r="A102" s="50">
        <v>51</v>
      </c>
      <c r="B102" s="18" t="s">
        <v>2904</v>
      </c>
      <c r="C102" s="18" t="s">
        <v>2905</v>
      </c>
      <c r="D102" s="18" t="s">
        <v>2906</v>
      </c>
      <c r="E102" s="18" t="s">
        <v>2907</v>
      </c>
      <c r="F102" s="18" t="s">
        <v>2908</v>
      </c>
      <c r="G102" s="18" t="s">
        <v>4568</v>
      </c>
      <c r="H102" s="33" t="s">
        <v>2742</v>
      </c>
    </row>
    <row r="103" spans="1:8" ht="20.25" customHeight="1" x14ac:dyDescent="0.2">
      <c r="A103" s="50"/>
      <c r="B103" s="20"/>
      <c r="C103" s="20"/>
      <c r="D103" s="20"/>
      <c r="E103" s="20"/>
      <c r="F103" s="21" t="s">
        <v>4569</v>
      </c>
      <c r="G103" s="20"/>
      <c r="H103" s="34"/>
    </row>
    <row r="104" spans="1:8" ht="20.25" customHeight="1" x14ac:dyDescent="0.2">
      <c r="A104" s="50">
        <v>52</v>
      </c>
      <c r="B104" s="18" t="s">
        <v>2909</v>
      </c>
      <c r="C104" s="18" t="s">
        <v>2698</v>
      </c>
      <c r="D104" s="18" t="s">
        <v>2910</v>
      </c>
      <c r="E104" s="18" t="s">
        <v>2911</v>
      </c>
      <c r="F104" s="18" t="s">
        <v>2788</v>
      </c>
      <c r="G104" s="18" t="s">
        <v>4570</v>
      </c>
      <c r="H104" s="33" t="s">
        <v>2620</v>
      </c>
    </row>
    <row r="105" spans="1:8" ht="20.25" customHeight="1" x14ac:dyDescent="0.2">
      <c r="A105" s="50"/>
      <c r="B105" s="20"/>
      <c r="C105" s="20"/>
      <c r="D105" s="20"/>
      <c r="E105" s="20"/>
      <c r="F105" s="21" t="s">
        <v>4504</v>
      </c>
      <c r="G105" s="20"/>
      <c r="H105" s="34"/>
    </row>
    <row r="106" spans="1:8" ht="20.25" customHeight="1" x14ac:dyDescent="0.2">
      <c r="A106" s="50">
        <v>53</v>
      </c>
      <c r="B106" s="18" t="s">
        <v>2912</v>
      </c>
      <c r="C106" s="18" t="s">
        <v>2098</v>
      </c>
      <c r="D106" s="18" t="s">
        <v>2913</v>
      </c>
      <c r="E106" s="18" t="s">
        <v>2914</v>
      </c>
      <c r="F106" s="18" t="s">
        <v>2915</v>
      </c>
      <c r="G106" s="18" t="s">
        <v>4571</v>
      </c>
      <c r="H106" s="33" t="s">
        <v>2620</v>
      </c>
    </row>
    <row r="107" spans="1:8" ht="20.25" customHeight="1" x14ac:dyDescent="0.2">
      <c r="A107" s="50"/>
      <c r="B107" s="20"/>
      <c r="C107" s="20"/>
      <c r="D107" s="20"/>
      <c r="E107" s="20"/>
      <c r="F107" s="21" t="s">
        <v>4572</v>
      </c>
      <c r="G107" s="20"/>
      <c r="H107" s="34"/>
    </row>
    <row r="108" spans="1:8" ht="20.25" customHeight="1" x14ac:dyDescent="0.2">
      <c r="A108" s="50">
        <v>54</v>
      </c>
      <c r="B108" s="18" t="s">
        <v>2916</v>
      </c>
      <c r="C108" s="18" t="s">
        <v>2703</v>
      </c>
      <c r="D108" s="18" t="s">
        <v>2704</v>
      </c>
      <c r="E108" s="18" t="s">
        <v>2917</v>
      </c>
      <c r="F108" s="18" t="s">
        <v>2706</v>
      </c>
      <c r="G108" s="18" t="s">
        <v>4573</v>
      </c>
      <c r="H108" s="33" t="s">
        <v>2620</v>
      </c>
    </row>
    <row r="109" spans="1:8" ht="20.25" customHeight="1" x14ac:dyDescent="0.2">
      <c r="A109" s="50"/>
      <c r="B109" s="20"/>
      <c r="C109" s="20"/>
      <c r="D109" s="20"/>
      <c r="E109" s="20"/>
      <c r="F109" s="21" t="s">
        <v>4506</v>
      </c>
      <c r="G109" s="20"/>
      <c r="H109" s="34"/>
    </row>
    <row r="110" spans="1:8" ht="20.25" customHeight="1" x14ac:dyDescent="0.2">
      <c r="A110" s="50">
        <v>55</v>
      </c>
      <c r="B110" s="18" t="s">
        <v>2918</v>
      </c>
      <c r="C110" s="18" t="s">
        <v>2208</v>
      </c>
      <c r="D110" s="18" t="s">
        <v>2209</v>
      </c>
      <c r="E110" s="18" t="s">
        <v>2210</v>
      </c>
      <c r="F110" s="18" t="s">
        <v>1996</v>
      </c>
      <c r="G110" s="18" t="s">
        <v>4574</v>
      </c>
      <c r="H110" s="33" t="s">
        <v>2636</v>
      </c>
    </row>
    <row r="111" spans="1:8" ht="20.25" customHeight="1" x14ac:dyDescent="0.2">
      <c r="A111" s="50"/>
      <c r="B111" s="20"/>
      <c r="C111" s="20"/>
      <c r="D111" s="20"/>
      <c r="E111" s="20"/>
      <c r="F111" s="21" t="s">
        <v>4315</v>
      </c>
      <c r="G111" s="20"/>
      <c r="H111" s="34"/>
    </row>
    <row r="112" spans="1:8" ht="20.25" customHeight="1" x14ac:dyDescent="0.2">
      <c r="A112" s="50">
        <v>56</v>
      </c>
      <c r="B112" s="18" t="s">
        <v>2919</v>
      </c>
      <c r="C112" s="18" t="s">
        <v>2920</v>
      </c>
      <c r="D112" s="18" t="s">
        <v>2921</v>
      </c>
      <c r="E112" s="18" t="s">
        <v>2922</v>
      </c>
      <c r="F112" s="18" t="s">
        <v>2923</v>
      </c>
      <c r="G112" s="18" t="s">
        <v>4575</v>
      </c>
      <c r="H112" s="33" t="s">
        <v>2742</v>
      </c>
    </row>
    <row r="113" spans="1:8" ht="20.25" customHeight="1" x14ac:dyDescent="0.2">
      <c r="A113" s="50"/>
      <c r="B113" s="20"/>
      <c r="C113" s="20"/>
      <c r="D113" s="20"/>
      <c r="E113" s="20"/>
      <c r="F113" s="21" t="s">
        <v>4576</v>
      </c>
      <c r="G113" s="20"/>
      <c r="H113" s="34"/>
    </row>
    <row r="114" spans="1:8" ht="20.25" customHeight="1" x14ac:dyDescent="0.2">
      <c r="A114" s="50">
        <v>57</v>
      </c>
      <c r="B114" s="18" t="s">
        <v>2924</v>
      </c>
      <c r="C114" s="18" t="s">
        <v>2319</v>
      </c>
      <c r="D114" s="18" t="s">
        <v>2362</v>
      </c>
      <c r="E114" s="18" t="s">
        <v>2925</v>
      </c>
      <c r="F114" s="18" t="s">
        <v>2363</v>
      </c>
      <c r="G114" s="18" t="s">
        <v>4577</v>
      </c>
      <c r="H114" s="33" t="s">
        <v>2636</v>
      </c>
    </row>
    <row r="115" spans="1:8" ht="20.25" customHeight="1" x14ac:dyDescent="0.2">
      <c r="A115" s="50"/>
      <c r="B115" s="20"/>
      <c r="C115" s="20"/>
      <c r="D115" s="20"/>
      <c r="E115" s="20"/>
      <c r="F115" s="21" t="s">
        <v>4417</v>
      </c>
      <c r="G115" s="20"/>
      <c r="H115" s="34"/>
    </row>
    <row r="116" spans="1:8" ht="20.25" customHeight="1" x14ac:dyDescent="0.2">
      <c r="A116" s="50">
        <v>58</v>
      </c>
      <c r="B116" s="18" t="s">
        <v>2926</v>
      </c>
      <c r="C116" s="18" t="s">
        <v>2716</v>
      </c>
      <c r="D116" s="18" t="s">
        <v>2717</v>
      </c>
      <c r="E116" s="18" t="s">
        <v>2718</v>
      </c>
      <c r="F116" s="18" t="s">
        <v>2719</v>
      </c>
      <c r="G116" s="18" t="s">
        <v>4509</v>
      </c>
      <c r="H116" s="33" t="s">
        <v>2620</v>
      </c>
    </row>
    <row r="117" spans="1:8" ht="20.25" customHeight="1" x14ac:dyDescent="0.2">
      <c r="A117" s="50"/>
      <c r="B117" s="20"/>
      <c r="C117" s="20"/>
      <c r="D117" s="20"/>
      <c r="E117" s="20"/>
      <c r="F117" s="21" t="s">
        <v>4860</v>
      </c>
      <c r="G117" s="20"/>
      <c r="H117" s="34"/>
    </row>
    <row r="118" spans="1:8" ht="20.25" customHeight="1" x14ac:dyDescent="0.2">
      <c r="A118" s="50">
        <v>59</v>
      </c>
      <c r="B118" s="18" t="s">
        <v>2927</v>
      </c>
      <c r="C118" s="18" t="s">
        <v>2720</v>
      </c>
      <c r="D118" s="18" t="s">
        <v>2721</v>
      </c>
      <c r="E118" s="18" t="s">
        <v>2722</v>
      </c>
      <c r="F118" s="18" t="s">
        <v>2723</v>
      </c>
      <c r="G118" s="18" t="s">
        <v>4578</v>
      </c>
      <c r="H118" s="33" t="s">
        <v>2636</v>
      </c>
    </row>
    <row r="119" spans="1:8" ht="20.25" customHeight="1" x14ac:dyDescent="0.2">
      <c r="A119" s="50"/>
      <c r="B119" s="20"/>
      <c r="C119" s="20"/>
      <c r="D119" s="20"/>
      <c r="E119" s="20"/>
      <c r="F119" s="20" t="s">
        <v>4861</v>
      </c>
      <c r="G119" s="20"/>
      <c r="H119" s="34"/>
    </row>
    <row r="120" spans="1:8" ht="20.25" customHeight="1" x14ac:dyDescent="0.2">
      <c r="A120" s="50">
        <v>60</v>
      </c>
    </row>
    <row r="121" spans="1:8" ht="20.25" customHeight="1" x14ac:dyDescent="0.2">
      <c r="A121" s="50"/>
    </row>
    <row r="122" spans="1:8" ht="20.25" customHeight="1" x14ac:dyDescent="0.2">
      <c r="A122" s="50">
        <v>61</v>
      </c>
    </row>
    <row r="123" spans="1:8" ht="20.25" customHeight="1" x14ac:dyDescent="0.2">
      <c r="A123" s="50"/>
    </row>
    <row r="124" spans="1:8" ht="20.25" customHeight="1" x14ac:dyDescent="0.2">
      <c r="A124" s="50">
        <v>62</v>
      </c>
    </row>
    <row r="125" spans="1:8" ht="20.25" customHeight="1" x14ac:dyDescent="0.2">
      <c r="A125" s="50"/>
    </row>
    <row r="126" spans="1:8" ht="20.25" customHeight="1" x14ac:dyDescent="0.2">
      <c r="A126" s="50">
        <v>63</v>
      </c>
    </row>
    <row r="127" spans="1:8" ht="20.25" customHeight="1" x14ac:dyDescent="0.2">
      <c r="A127" s="50"/>
    </row>
    <row r="128" spans="1:8" ht="20.25" customHeight="1" x14ac:dyDescent="0.2">
      <c r="A128" s="50">
        <v>64</v>
      </c>
    </row>
    <row r="129" spans="1:1" ht="20.25" customHeight="1" x14ac:dyDescent="0.2">
      <c r="A129" s="50"/>
    </row>
    <row r="130" spans="1:1" ht="20.25" customHeight="1" x14ac:dyDescent="0.2">
      <c r="A130" s="50">
        <v>65</v>
      </c>
    </row>
    <row r="131" spans="1:1" ht="20.25" customHeight="1" x14ac:dyDescent="0.2">
      <c r="A131" s="50"/>
    </row>
    <row r="132" spans="1:1" ht="20.25" customHeight="1" x14ac:dyDescent="0.2">
      <c r="A132" s="50">
        <v>66</v>
      </c>
    </row>
    <row r="133" spans="1:1" ht="20.25" customHeight="1" x14ac:dyDescent="0.2">
      <c r="A133" s="50"/>
    </row>
    <row r="134" spans="1:1" ht="20.25" customHeight="1" x14ac:dyDescent="0.2">
      <c r="A134" s="50">
        <v>67</v>
      </c>
    </row>
    <row r="135" spans="1:1" ht="20.25" customHeight="1" x14ac:dyDescent="0.2">
      <c r="A135" s="50"/>
    </row>
    <row r="136" spans="1:1" ht="20.25" customHeight="1" x14ac:dyDescent="0.2">
      <c r="A136" s="50">
        <v>68</v>
      </c>
    </row>
    <row r="137" spans="1:1" ht="20.25" customHeight="1" x14ac:dyDescent="0.2">
      <c r="A137" s="50"/>
    </row>
    <row r="138" spans="1:1" ht="20.25" customHeight="1" x14ac:dyDescent="0.2">
      <c r="A138" s="50">
        <v>69</v>
      </c>
    </row>
    <row r="139" spans="1:1" ht="20.25" customHeight="1" x14ac:dyDescent="0.2">
      <c r="A139" s="50"/>
    </row>
    <row r="140" spans="1:1" ht="20.25" customHeight="1" x14ac:dyDescent="0.2">
      <c r="A140" s="50">
        <v>70</v>
      </c>
    </row>
    <row r="141" spans="1:1" ht="20.25" customHeight="1" x14ac:dyDescent="0.2">
      <c r="A141" s="50"/>
    </row>
    <row r="142" spans="1:1" ht="20.25" customHeight="1" x14ac:dyDescent="0.2">
      <c r="A142" s="50">
        <v>71</v>
      </c>
    </row>
    <row r="143" spans="1:1" ht="20.25" customHeight="1" x14ac:dyDescent="0.2">
      <c r="A143" s="50"/>
    </row>
    <row r="144" spans="1:1" ht="20.25" customHeight="1" x14ac:dyDescent="0.2">
      <c r="A144" s="50">
        <v>72</v>
      </c>
    </row>
    <row r="145" spans="1:1" ht="20.25" customHeight="1" x14ac:dyDescent="0.2">
      <c r="A145" s="50"/>
    </row>
    <row r="146" spans="1:1" ht="20.25" customHeight="1" x14ac:dyDescent="0.2">
      <c r="A146" s="50">
        <v>73</v>
      </c>
    </row>
    <row r="147" spans="1:1" ht="20.25" customHeight="1" x14ac:dyDescent="0.2">
      <c r="A147" s="50"/>
    </row>
    <row r="148" spans="1:1" ht="20.25" customHeight="1" x14ac:dyDescent="0.2">
      <c r="A148" s="50">
        <v>74</v>
      </c>
    </row>
    <row r="149" spans="1:1" ht="20.25" customHeight="1" x14ac:dyDescent="0.2">
      <c r="A149" s="50"/>
    </row>
    <row r="150" spans="1:1" ht="20.25" customHeight="1" x14ac:dyDescent="0.2">
      <c r="A150" s="50">
        <v>75</v>
      </c>
    </row>
    <row r="151" spans="1:1" ht="20.25" customHeight="1" x14ac:dyDescent="0.2">
      <c r="A151" s="50"/>
    </row>
    <row r="152" spans="1:1" ht="20.25" customHeight="1" x14ac:dyDescent="0.2">
      <c r="A152" s="50">
        <v>76</v>
      </c>
    </row>
    <row r="153" spans="1:1" ht="20.25" customHeight="1" x14ac:dyDescent="0.2">
      <c r="A153" s="50"/>
    </row>
    <row r="154" spans="1:1" ht="20.25" customHeight="1" x14ac:dyDescent="0.2">
      <c r="A154" s="50">
        <v>77</v>
      </c>
    </row>
    <row r="155" spans="1:1" ht="20.25" customHeight="1" x14ac:dyDescent="0.2">
      <c r="A155" s="50"/>
    </row>
    <row r="156" spans="1:1" ht="20.25" customHeight="1" x14ac:dyDescent="0.2">
      <c r="A156" s="50">
        <v>78</v>
      </c>
    </row>
    <row r="157" spans="1:1" ht="20.25" customHeight="1" x14ac:dyDescent="0.2">
      <c r="A157" s="50"/>
    </row>
    <row r="158" spans="1:1" ht="20.25" customHeight="1" x14ac:dyDescent="0.2">
      <c r="A158" s="50">
        <v>79</v>
      </c>
    </row>
    <row r="159" spans="1:1" ht="20.25" customHeight="1" x14ac:dyDescent="0.2">
      <c r="A159" s="50"/>
    </row>
    <row r="160" spans="1:1" ht="20.25" customHeight="1" x14ac:dyDescent="0.2">
      <c r="A160" s="50">
        <v>80</v>
      </c>
    </row>
    <row r="161" spans="1:1" ht="20.25" customHeight="1" x14ac:dyDescent="0.2">
      <c r="A161" s="50"/>
    </row>
    <row r="162" spans="1:1" ht="20.25" customHeight="1" x14ac:dyDescent="0.2">
      <c r="A162" s="50">
        <v>81</v>
      </c>
    </row>
    <row r="163" spans="1:1" ht="20.25" customHeight="1" x14ac:dyDescent="0.2">
      <c r="A163" s="50"/>
    </row>
    <row r="164" spans="1:1" ht="20.25" customHeight="1" x14ac:dyDescent="0.2">
      <c r="A164" s="50">
        <v>82</v>
      </c>
    </row>
    <row r="165" spans="1:1" ht="20.25" customHeight="1" x14ac:dyDescent="0.2">
      <c r="A165" s="50"/>
    </row>
    <row r="166" spans="1:1" ht="20.25" customHeight="1" x14ac:dyDescent="0.2">
      <c r="A166" s="50">
        <v>83</v>
      </c>
    </row>
    <row r="167" spans="1:1" ht="20.25" customHeight="1" x14ac:dyDescent="0.2">
      <c r="A167" s="50"/>
    </row>
    <row r="168" spans="1:1" ht="20.25" customHeight="1" x14ac:dyDescent="0.2">
      <c r="A168" s="50">
        <v>84</v>
      </c>
    </row>
    <row r="169" spans="1:1" ht="20.25" customHeight="1" x14ac:dyDescent="0.2">
      <c r="A169" s="50"/>
    </row>
    <row r="170" spans="1:1" ht="20.25" customHeight="1" x14ac:dyDescent="0.2">
      <c r="A170" s="50">
        <v>85</v>
      </c>
    </row>
    <row r="171" spans="1:1" ht="20.25" customHeight="1" x14ac:dyDescent="0.2">
      <c r="A171" s="50"/>
    </row>
    <row r="172" spans="1:1" ht="20.25" customHeight="1" x14ac:dyDescent="0.2">
      <c r="A172" s="50">
        <v>86</v>
      </c>
    </row>
    <row r="173" spans="1:1" ht="20.25" customHeight="1" x14ac:dyDescent="0.2">
      <c r="A173" s="50"/>
    </row>
    <row r="174" spans="1:1" ht="20.25" customHeight="1" x14ac:dyDescent="0.2">
      <c r="A174" s="50">
        <v>87</v>
      </c>
    </row>
    <row r="175" spans="1:1" ht="20.25" customHeight="1" x14ac:dyDescent="0.2">
      <c r="A175" s="50"/>
    </row>
    <row r="176" spans="1:1" ht="20.25" customHeight="1" x14ac:dyDescent="0.2">
      <c r="A176" s="50">
        <v>88</v>
      </c>
    </row>
    <row r="177" spans="1:1" ht="20.25" customHeight="1" x14ac:dyDescent="0.2">
      <c r="A177" s="50"/>
    </row>
    <row r="178" spans="1:1" ht="20.25" customHeight="1" x14ac:dyDescent="0.2">
      <c r="A178" s="50">
        <v>89</v>
      </c>
    </row>
    <row r="179" spans="1:1" ht="20.25" customHeight="1" x14ac:dyDescent="0.2">
      <c r="A179" s="50"/>
    </row>
    <row r="180" spans="1:1" ht="20.25" customHeight="1" x14ac:dyDescent="0.2">
      <c r="A180" s="50">
        <v>90</v>
      </c>
    </row>
    <row r="181" spans="1:1" ht="20.25" customHeight="1" x14ac:dyDescent="0.2">
      <c r="A181" s="50"/>
    </row>
    <row r="182" spans="1:1" ht="20.25" customHeight="1" x14ac:dyDescent="0.2">
      <c r="A182" s="50">
        <v>91</v>
      </c>
    </row>
    <row r="183" spans="1:1" ht="20.25" customHeight="1" x14ac:dyDescent="0.2">
      <c r="A183" s="50"/>
    </row>
    <row r="184" spans="1:1" ht="20.25" customHeight="1" x14ac:dyDescent="0.2">
      <c r="A184" s="50">
        <v>92</v>
      </c>
    </row>
    <row r="185" spans="1:1" ht="20.25" customHeight="1" x14ac:dyDescent="0.2">
      <c r="A185" s="50"/>
    </row>
    <row r="186" spans="1:1" ht="20.25" customHeight="1" x14ac:dyDescent="0.2">
      <c r="A186" s="50">
        <v>93</v>
      </c>
    </row>
    <row r="187" spans="1:1" ht="20.25" customHeight="1" x14ac:dyDescent="0.2">
      <c r="A187" s="50"/>
    </row>
    <row r="188" spans="1:1" ht="20.25" customHeight="1" x14ac:dyDescent="0.2">
      <c r="A188" s="50">
        <v>94</v>
      </c>
    </row>
    <row r="189" spans="1:1" ht="20.25" customHeight="1" x14ac:dyDescent="0.2">
      <c r="A189" s="50"/>
    </row>
    <row r="190" spans="1:1" ht="20.25" customHeight="1" x14ac:dyDescent="0.2">
      <c r="A190" s="50">
        <v>95</v>
      </c>
    </row>
    <row r="191" spans="1:1" ht="20.25" customHeight="1" x14ac:dyDescent="0.2">
      <c r="A191" s="50"/>
    </row>
    <row r="192" spans="1:1" ht="20.25" customHeight="1" x14ac:dyDescent="0.2">
      <c r="A192" s="50">
        <v>96</v>
      </c>
    </row>
    <row r="193" spans="1:1" ht="20.25" customHeight="1" x14ac:dyDescent="0.2">
      <c r="A193" s="50"/>
    </row>
    <row r="194" spans="1:1" ht="20.25" customHeight="1" x14ac:dyDescent="0.2">
      <c r="A194" s="50">
        <v>97</v>
      </c>
    </row>
    <row r="195" spans="1:1" ht="20.25" customHeight="1" x14ac:dyDescent="0.2">
      <c r="A195" s="50"/>
    </row>
    <row r="196" spans="1:1" ht="20.25" customHeight="1" x14ac:dyDescent="0.2">
      <c r="A196" s="50">
        <v>98</v>
      </c>
    </row>
    <row r="197" spans="1:1" ht="20.25" customHeight="1" x14ac:dyDescent="0.2">
      <c r="A197" s="50"/>
    </row>
    <row r="198" spans="1:1" ht="20.25" customHeight="1" x14ac:dyDescent="0.2">
      <c r="A198" s="50">
        <v>99</v>
      </c>
    </row>
    <row r="199" spans="1:1" ht="20.25" customHeight="1" x14ac:dyDescent="0.2">
      <c r="A199" s="50"/>
    </row>
    <row r="200" spans="1:1" ht="20.25" customHeight="1" x14ac:dyDescent="0.2">
      <c r="A200" s="50">
        <v>100</v>
      </c>
    </row>
    <row r="201" spans="1:1" ht="20.25" customHeight="1" x14ac:dyDescent="0.2">
      <c r="A201" s="50"/>
    </row>
    <row r="202" spans="1:1" ht="20.25" customHeight="1" x14ac:dyDescent="0.2">
      <c r="A202" s="50">
        <v>101</v>
      </c>
    </row>
    <row r="203" spans="1:1" ht="20.25" customHeight="1" x14ac:dyDescent="0.2">
      <c r="A203" s="50"/>
    </row>
    <row r="204" spans="1:1" ht="20.25" customHeight="1" x14ac:dyDescent="0.2">
      <c r="A204" s="50">
        <v>102</v>
      </c>
    </row>
    <row r="205" spans="1:1" ht="20.25" customHeight="1" x14ac:dyDescent="0.2">
      <c r="A205" s="50"/>
    </row>
    <row r="206" spans="1:1" ht="20.25" customHeight="1" x14ac:dyDescent="0.2">
      <c r="A206" s="50">
        <v>103</v>
      </c>
    </row>
    <row r="207" spans="1:1" ht="20.25" customHeight="1" x14ac:dyDescent="0.2">
      <c r="A207" s="50"/>
    </row>
    <row r="208" spans="1:1" ht="20.25" customHeight="1" x14ac:dyDescent="0.2">
      <c r="A208" s="50">
        <v>104</v>
      </c>
    </row>
    <row r="209" spans="1:1" ht="20.25" customHeight="1" x14ac:dyDescent="0.2">
      <c r="A209" s="50"/>
    </row>
    <row r="210" spans="1:1" ht="20.25" customHeight="1" x14ac:dyDescent="0.2">
      <c r="A210" s="50">
        <v>105</v>
      </c>
    </row>
    <row r="211" spans="1:1" ht="20.25" customHeight="1" x14ac:dyDescent="0.2">
      <c r="A211" s="50"/>
    </row>
    <row r="212" spans="1:1" ht="20.25" customHeight="1" x14ac:dyDescent="0.2">
      <c r="A212" s="50">
        <v>106</v>
      </c>
    </row>
    <row r="213" spans="1:1" ht="20.25" customHeight="1" x14ac:dyDescent="0.2">
      <c r="A213" s="50"/>
    </row>
    <row r="214" spans="1:1" ht="20.25" customHeight="1" x14ac:dyDescent="0.2">
      <c r="A214" s="50">
        <v>107</v>
      </c>
    </row>
    <row r="215" spans="1:1" ht="20.25" customHeight="1" x14ac:dyDescent="0.2">
      <c r="A215" s="50"/>
    </row>
    <row r="216" spans="1:1" ht="20.25" customHeight="1" x14ac:dyDescent="0.2">
      <c r="A216" s="50">
        <v>108</v>
      </c>
    </row>
    <row r="217" spans="1:1" ht="20.25" customHeight="1" x14ac:dyDescent="0.2">
      <c r="A217" s="50"/>
    </row>
    <row r="218" spans="1:1" ht="20.25" customHeight="1" x14ac:dyDescent="0.2">
      <c r="A218" s="50">
        <v>109</v>
      </c>
    </row>
    <row r="219" spans="1:1" ht="20.25" customHeight="1" x14ac:dyDescent="0.2">
      <c r="A219" s="50"/>
    </row>
    <row r="220" spans="1:1" ht="20.25" customHeight="1" x14ac:dyDescent="0.2">
      <c r="A220" s="50">
        <v>110</v>
      </c>
    </row>
    <row r="221" spans="1:1" ht="20.25" customHeight="1" x14ac:dyDescent="0.2">
      <c r="A221" s="50"/>
    </row>
    <row r="222" spans="1:1" ht="20.25" customHeight="1" x14ac:dyDescent="0.2">
      <c r="A222" s="50">
        <v>111</v>
      </c>
    </row>
    <row r="223" spans="1:1" ht="20.25" customHeight="1" x14ac:dyDescent="0.2">
      <c r="A223" s="50"/>
    </row>
    <row r="224" spans="1:1" ht="20.25" customHeight="1" x14ac:dyDescent="0.2">
      <c r="A224" s="50">
        <v>112</v>
      </c>
    </row>
    <row r="225" spans="1:1" ht="20.25" customHeight="1" x14ac:dyDescent="0.2">
      <c r="A225" s="50"/>
    </row>
    <row r="226" spans="1:1" ht="20.25" customHeight="1" x14ac:dyDescent="0.2">
      <c r="A226" s="50">
        <v>113</v>
      </c>
    </row>
    <row r="227" spans="1:1" ht="20.25" customHeight="1" x14ac:dyDescent="0.2">
      <c r="A227" s="50"/>
    </row>
    <row r="228" spans="1:1" ht="20.25" customHeight="1" x14ac:dyDescent="0.2">
      <c r="A228" s="50">
        <v>114</v>
      </c>
    </row>
    <row r="229" spans="1:1" ht="20.25" customHeight="1" x14ac:dyDescent="0.2">
      <c r="A229" s="50"/>
    </row>
    <row r="230" spans="1:1" ht="20.25" customHeight="1" x14ac:dyDescent="0.2">
      <c r="A230" s="50">
        <v>115</v>
      </c>
    </row>
    <row r="231" spans="1:1" ht="20.25" customHeight="1" x14ac:dyDescent="0.2">
      <c r="A231" s="50"/>
    </row>
    <row r="232" spans="1:1" ht="20.25" customHeight="1" x14ac:dyDescent="0.2">
      <c r="A232" s="50">
        <v>116</v>
      </c>
    </row>
    <row r="233" spans="1:1" ht="20.25" customHeight="1" x14ac:dyDescent="0.2">
      <c r="A233" s="50"/>
    </row>
    <row r="234" spans="1:1" ht="20.25" customHeight="1" x14ac:dyDescent="0.2">
      <c r="A234" s="50">
        <v>117</v>
      </c>
    </row>
    <row r="235" spans="1:1" ht="20.25" customHeight="1" x14ac:dyDescent="0.2">
      <c r="A235" s="50"/>
    </row>
    <row r="236" spans="1:1" ht="20.25" customHeight="1" x14ac:dyDescent="0.2">
      <c r="A236" s="50">
        <v>118</v>
      </c>
    </row>
    <row r="237" spans="1:1" ht="20.25" customHeight="1" x14ac:dyDescent="0.2">
      <c r="A237" s="50"/>
    </row>
    <row r="238" spans="1:1" ht="20.25" customHeight="1" x14ac:dyDescent="0.2">
      <c r="A238" s="50">
        <v>119</v>
      </c>
    </row>
    <row r="239" spans="1:1" ht="20.25" customHeight="1" x14ac:dyDescent="0.2">
      <c r="A239" s="50"/>
    </row>
    <row r="240" spans="1:1" ht="20.25" customHeight="1" x14ac:dyDescent="0.2">
      <c r="A240" s="50">
        <v>120</v>
      </c>
    </row>
    <row r="241" spans="1:1" ht="20.25" customHeight="1" x14ac:dyDescent="0.2">
      <c r="A241" s="50"/>
    </row>
    <row r="242" spans="1:1" ht="20.25" customHeight="1" x14ac:dyDescent="0.2">
      <c r="A242" s="50">
        <v>121</v>
      </c>
    </row>
    <row r="243" spans="1:1" ht="20.25" customHeight="1" x14ac:dyDescent="0.2">
      <c r="A243" s="50"/>
    </row>
    <row r="244" spans="1:1" ht="20.25" customHeight="1" x14ac:dyDescent="0.2">
      <c r="A244" s="50">
        <v>122</v>
      </c>
    </row>
    <row r="245" spans="1:1" ht="20.25" customHeight="1" x14ac:dyDescent="0.2">
      <c r="A245" s="50"/>
    </row>
    <row r="246" spans="1:1" ht="20.25" customHeight="1" x14ac:dyDescent="0.2">
      <c r="A246" s="50">
        <v>123</v>
      </c>
    </row>
    <row r="247" spans="1:1" ht="20.25" customHeight="1" x14ac:dyDescent="0.2">
      <c r="A247" s="50"/>
    </row>
    <row r="248" spans="1:1" ht="20.25" customHeight="1" x14ac:dyDescent="0.2">
      <c r="A248" s="50">
        <v>124</v>
      </c>
    </row>
    <row r="249" spans="1:1" ht="20.25" customHeight="1" x14ac:dyDescent="0.2">
      <c r="A249" s="50"/>
    </row>
    <row r="250" spans="1:1" ht="20.25" customHeight="1" x14ac:dyDescent="0.2">
      <c r="A250" s="50">
        <v>125</v>
      </c>
    </row>
    <row r="251" spans="1:1" ht="20.25" customHeight="1" x14ac:dyDescent="0.2">
      <c r="A251" s="50"/>
    </row>
    <row r="252" spans="1:1" ht="20.25" customHeight="1" x14ac:dyDescent="0.2">
      <c r="A252" s="50">
        <v>126</v>
      </c>
    </row>
    <row r="253" spans="1:1" ht="20.25" customHeight="1" x14ac:dyDescent="0.2">
      <c r="A253" s="50"/>
    </row>
    <row r="254" spans="1:1" ht="20.25" customHeight="1" x14ac:dyDescent="0.2">
      <c r="A254" s="50">
        <v>127</v>
      </c>
    </row>
    <row r="255" spans="1:1" ht="20.25" customHeight="1" x14ac:dyDescent="0.2">
      <c r="A255" s="50"/>
    </row>
    <row r="256" spans="1:1" ht="20.25" customHeight="1" x14ac:dyDescent="0.2">
      <c r="A256" s="50">
        <v>128</v>
      </c>
    </row>
    <row r="257" spans="1:1" ht="20.25" customHeight="1" x14ac:dyDescent="0.2">
      <c r="A257" s="50"/>
    </row>
    <row r="258" spans="1:1" ht="20.25" customHeight="1" x14ac:dyDescent="0.2">
      <c r="A258" s="50">
        <v>129</v>
      </c>
    </row>
    <row r="259" spans="1:1" ht="20.25" customHeight="1" x14ac:dyDescent="0.2">
      <c r="A259" s="50"/>
    </row>
    <row r="260" spans="1:1" ht="20.25" customHeight="1" x14ac:dyDescent="0.2">
      <c r="A260" s="50">
        <v>130</v>
      </c>
    </row>
    <row r="261" spans="1:1" ht="20.25" customHeight="1" x14ac:dyDescent="0.2">
      <c r="A261" s="50"/>
    </row>
    <row r="262" spans="1:1" ht="20.25" customHeight="1" x14ac:dyDescent="0.2">
      <c r="A262" s="50">
        <v>131</v>
      </c>
    </row>
    <row r="263" spans="1:1" ht="20.25" customHeight="1" x14ac:dyDescent="0.2">
      <c r="A263" s="50"/>
    </row>
    <row r="264" spans="1:1" ht="20.25" customHeight="1" x14ac:dyDescent="0.2">
      <c r="A264" s="50">
        <v>132</v>
      </c>
    </row>
    <row r="265" spans="1:1" ht="20.25" customHeight="1" x14ac:dyDescent="0.2">
      <c r="A265" s="50"/>
    </row>
    <row r="266" spans="1:1" ht="20.25" customHeight="1" x14ac:dyDescent="0.2">
      <c r="A266" s="50">
        <v>133</v>
      </c>
    </row>
    <row r="267" spans="1:1" ht="20.25" customHeight="1" x14ac:dyDescent="0.2">
      <c r="A267" s="50"/>
    </row>
    <row r="268" spans="1:1" ht="20.25" customHeight="1" x14ac:dyDescent="0.2">
      <c r="A268" s="50">
        <v>134</v>
      </c>
    </row>
    <row r="269" spans="1:1" ht="20.25" customHeight="1" x14ac:dyDescent="0.2">
      <c r="A269" s="50"/>
    </row>
    <row r="270" spans="1:1" ht="20.25" customHeight="1" x14ac:dyDescent="0.2">
      <c r="A270" s="50">
        <v>135</v>
      </c>
    </row>
    <row r="271" spans="1:1" ht="20.25" customHeight="1" x14ac:dyDescent="0.2">
      <c r="A271" s="50"/>
    </row>
    <row r="272" spans="1:1" ht="20.25" customHeight="1" x14ac:dyDescent="0.2">
      <c r="A272" s="50">
        <v>136</v>
      </c>
    </row>
    <row r="273" spans="1:1" ht="20.25" customHeight="1" x14ac:dyDescent="0.2">
      <c r="A273" s="50"/>
    </row>
    <row r="274" spans="1:1" ht="20.25" customHeight="1" x14ac:dyDescent="0.2">
      <c r="A274" s="50">
        <v>137</v>
      </c>
    </row>
    <row r="275" spans="1:1" ht="20.25" customHeight="1" x14ac:dyDescent="0.2">
      <c r="A275" s="50"/>
    </row>
    <row r="276" spans="1:1" ht="20.25" customHeight="1" x14ac:dyDescent="0.2">
      <c r="A276" s="50">
        <v>138</v>
      </c>
    </row>
    <row r="277" spans="1:1" ht="20.25" customHeight="1" x14ac:dyDescent="0.2">
      <c r="A277" s="50"/>
    </row>
    <row r="278" spans="1:1" ht="20.25" customHeight="1" x14ac:dyDescent="0.2">
      <c r="A278" s="50">
        <v>139</v>
      </c>
    </row>
    <row r="279" spans="1:1" ht="20.25" customHeight="1" x14ac:dyDescent="0.2">
      <c r="A279" s="50"/>
    </row>
    <row r="280" spans="1:1" ht="20.25" customHeight="1" x14ac:dyDescent="0.2">
      <c r="A280" s="50">
        <v>140</v>
      </c>
    </row>
    <row r="281" spans="1:1" ht="20.25" customHeight="1" x14ac:dyDescent="0.2">
      <c r="A281" s="50"/>
    </row>
    <row r="282" spans="1:1" ht="20.25" customHeight="1" x14ac:dyDescent="0.2">
      <c r="A282" s="50">
        <v>141</v>
      </c>
    </row>
    <row r="283" spans="1:1" ht="20.25" customHeight="1" x14ac:dyDescent="0.2">
      <c r="A283" s="50"/>
    </row>
    <row r="284" spans="1:1" ht="20.25" customHeight="1" x14ac:dyDescent="0.2">
      <c r="A284" s="50">
        <v>142</v>
      </c>
    </row>
    <row r="285" spans="1:1" ht="20.25" customHeight="1" x14ac:dyDescent="0.2">
      <c r="A285" s="50"/>
    </row>
    <row r="286" spans="1:1" ht="20.25" customHeight="1" x14ac:dyDescent="0.2">
      <c r="A286" s="50">
        <v>143</v>
      </c>
    </row>
    <row r="287" spans="1:1" ht="20.25" customHeight="1" x14ac:dyDescent="0.2">
      <c r="A287" s="50"/>
    </row>
    <row r="288" spans="1:1" ht="20.25" customHeight="1" x14ac:dyDescent="0.2">
      <c r="A288" s="50">
        <v>144</v>
      </c>
    </row>
    <row r="289" spans="1:1" ht="20.25" customHeight="1" x14ac:dyDescent="0.2">
      <c r="A289" s="50"/>
    </row>
    <row r="290" spans="1:1" ht="20.25" customHeight="1" x14ac:dyDescent="0.2">
      <c r="A290" s="50">
        <v>145</v>
      </c>
    </row>
    <row r="291" spans="1:1" ht="20.25" customHeight="1" x14ac:dyDescent="0.2">
      <c r="A291" s="50"/>
    </row>
    <row r="292" spans="1:1" ht="20.25" customHeight="1" x14ac:dyDescent="0.2">
      <c r="A292" s="50">
        <v>146</v>
      </c>
    </row>
    <row r="293" spans="1:1" ht="20.25" customHeight="1" x14ac:dyDescent="0.2">
      <c r="A293" s="50"/>
    </row>
    <row r="294" spans="1:1" ht="20.25" customHeight="1" x14ac:dyDescent="0.2">
      <c r="A294" s="50">
        <v>147</v>
      </c>
    </row>
    <row r="295" spans="1:1" ht="20.25" customHeight="1" x14ac:dyDescent="0.2">
      <c r="A295" s="50"/>
    </row>
    <row r="296" spans="1:1" ht="20.25" customHeight="1" x14ac:dyDescent="0.2">
      <c r="A296" s="50">
        <v>148</v>
      </c>
    </row>
    <row r="297" spans="1:1" ht="20.25" customHeight="1" x14ac:dyDescent="0.2">
      <c r="A297" s="50"/>
    </row>
    <row r="298" spans="1:1" ht="20.25" customHeight="1" x14ac:dyDescent="0.2">
      <c r="A298" s="50">
        <v>149</v>
      </c>
    </row>
    <row r="299" spans="1:1" ht="20.25" customHeight="1" x14ac:dyDescent="0.2">
      <c r="A299" s="50"/>
    </row>
    <row r="300" spans="1:1" ht="20.25" customHeight="1" x14ac:dyDescent="0.2">
      <c r="A300" s="50">
        <v>150</v>
      </c>
    </row>
    <row r="301" spans="1:1" ht="20.25" customHeight="1" x14ac:dyDescent="0.2">
      <c r="A301" s="50"/>
    </row>
    <row r="302" spans="1:1" ht="20.25" customHeight="1" x14ac:dyDescent="0.2">
      <c r="A302" s="50">
        <v>151</v>
      </c>
    </row>
    <row r="303" spans="1:1" ht="20.25" customHeight="1" x14ac:dyDescent="0.2">
      <c r="A303" s="50"/>
    </row>
    <row r="304" spans="1:1" ht="20.25" customHeight="1" x14ac:dyDescent="0.2">
      <c r="A304" s="50">
        <v>152</v>
      </c>
    </row>
    <row r="305" spans="1:1" ht="20.25" customHeight="1" x14ac:dyDescent="0.2">
      <c r="A305" s="50"/>
    </row>
    <row r="306" spans="1:1" ht="20.25" customHeight="1" x14ac:dyDescent="0.2">
      <c r="A306" s="50">
        <v>153</v>
      </c>
    </row>
    <row r="307" spans="1:1" ht="20.25" customHeight="1" x14ac:dyDescent="0.2">
      <c r="A307" s="50"/>
    </row>
    <row r="308" spans="1:1" ht="20.25" customHeight="1" x14ac:dyDescent="0.2">
      <c r="A308" s="50">
        <v>154</v>
      </c>
    </row>
    <row r="309" spans="1:1" ht="20.25" customHeight="1" x14ac:dyDescent="0.2">
      <c r="A309" s="50"/>
    </row>
    <row r="310" spans="1:1" ht="20.25" customHeight="1" x14ac:dyDescent="0.2">
      <c r="A310" s="50">
        <v>155</v>
      </c>
    </row>
    <row r="311" spans="1:1" ht="20.25" customHeight="1" x14ac:dyDescent="0.2">
      <c r="A311" s="50"/>
    </row>
    <row r="312" spans="1:1" ht="20.25" customHeight="1" x14ac:dyDescent="0.2">
      <c r="A312" s="50">
        <v>156</v>
      </c>
    </row>
    <row r="313" spans="1:1" ht="20.25" customHeight="1" x14ac:dyDescent="0.2">
      <c r="A313" s="50"/>
    </row>
    <row r="314" spans="1:1" ht="20.25" customHeight="1" x14ac:dyDescent="0.2">
      <c r="A314" s="50">
        <v>157</v>
      </c>
    </row>
    <row r="315" spans="1:1" ht="20.25" customHeight="1" x14ac:dyDescent="0.2">
      <c r="A315" s="50"/>
    </row>
    <row r="316" spans="1:1" ht="20.25" customHeight="1" x14ac:dyDescent="0.2">
      <c r="A316" s="50">
        <v>158</v>
      </c>
    </row>
    <row r="317" spans="1:1" ht="20.25" customHeight="1" x14ac:dyDescent="0.2">
      <c r="A317" s="50"/>
    </row>
    <row r="318" spans="1:1" ht="20.25" customHeight="1" x14ac:dyDescent="0.2">
      <c r="A318" s="50">
        <v>159</v>
      </c>
    </row>
    <row r="319" spans="1:1" ht="20.25" customHeight="1" x14ac:dyDescent="0.2">
      <c r="A319" s="50"/>
    </row>
    <row r="320" spans="1:1" ht="20.25" customHeight="1" x14ac:dyDescent="0.2">
      <c r="A320" s="50">
        <v>160</v>
      </c>
    </row>
    <row r="321" spans="1:1" ht="20.25" customHeight="1" x14ac:dyDescent="0.2">
      <c r="A321" s="50"/>
    </row>
    <row r="322" spans="1:1" ht="20.25" customHeight="1" x14ac:dyDescent="0.2">
      <c r="A322" s="50">
        <v>161</v>
      </c>
    </row>
    <row r="323" spans="1:1" ht="20.25" customHeight="1" x14ac:dyDescent="0.2">
      <c r="A323" s="50"/>
    </row>
    <row r="324" spans="1:1" ht="20.25" customHeight="1" x14ac:dyDescent="0.2">
      <c r="A324" s="50">
        <v>162</v>
      </c>
    </row>
    <row r="325" spans="1:1" ht="20.25" customHeight="1" x14ac:dyDescent="0.2">
      <c r="A325" s="50"/>
    </row>
    <row r="326" spans="1:1" ht="20.25" customHeight="1" x14ac:dyDescent="0.2">
      <c r="A326" s="50">
        <v>163</v>
      </c>
    </row>
    <row r="327" spans="1:1" ht="20.25" customHeight="1" x14ac:dyDescent="0.2">
      <c r="A327" s="50"/>
    </row>
    <row r="328" spans="1:1" ht="20.25" customHeight="1" x14ac:dyDescent="0.2">
      <c r="A328" s="50">
        <v>164</v>
      </c>
    </row>
    <row r="329" spans="1:1" ht="20.25" customHeight="1" x14ac:dyDescent="0.2">
      <c r="A329" s="50"/>
    </row>
    <row r="330" spans="1:1" ht="20.25" customHeight="1" x14ac:dyDescent="0.2">
      <c r="A330" s="50">
        <v>165</v>
      </c>
    </row>
    <row r="331" spans="1:1" ht="20.25" customHeight="1" x14ac:dyDescent="0.2">
      <c r="A331" s="50"/>
    </row>
    <row r="332" spans="1:1" ht="20.25" customHeight="1" x14ac:dyDescent="0.2">
      <c r="A332" s="50">
        <v>166</v>
      </c>
    </row>
    <row r="333" spans="1:1" ht="20.25" customHeight="1" x14ac:dyDescent="0.2">
      <c r="A333" s="50"/>
    </row>
    <row r="334" spans="1:1" ht="20.25" customHeight="1" x14ac:dyDescent="0.2">
      <c r="A334" s="50">
        <v>167</v>
      </c>
    </row>
    <row r="335" spans="1:1" ht="20.25" customHeight="1" x14ac:dyDescent="0.2">
      <c r="A335" s="50"/>
    </row>
    <row r="336" spans="1:1" ht="20.25" customHeight="1" x14ac:dyDescent="0.2">
      <c r="A336" s="50">
        <v>168</v>
      </c>
    </row>
    <row r="337" spans="1:1" ht="20.25" customHeight="1" x14ac:dyDescent="0.2">
      <c r="A337" s="50"/>
    </row>
    <row r="338" spans="1:1" ht="20.25" customHeight="1" x14ac:dyDescent="0.2">
      <c r="A338" s="50">
        <v>169</v>
      </c>
    </row>
    <row r="339" spans="1:1" ht="20.25" customHeight="1" x14ac:dyDescent="0.2">
      <c r="A339" s="50"/>
    </row>
    <row r="340" spans="1:1" ht="20.25" customHeight="1" x14ac:dyDescent="0.2">
      <c r="A340" s="50">
        <v>170</v>
      </c>
    </row>
    <row r="341" spans="1:1" ht="20.25" customHeight="1" x14ac:dyDescent="0.2">
      <c r="A341" s="50"/>
    </row>
    <row r="342" spans="1:1" ht="20.25" customHeight="1" x14ac:dyDescent="0.2">
      <c r="A342" s="50">
        <v>171</v>
      </c>
    </row>
    <row r="343" spans="1:1" ht="20.25" customHeight="1" x14ac:dyDescent="0.2">
      <c r="A343" s="50"/>
    </row>
    <row r="344" spans="1:1" ht="20.25" customHeight="1" x14ac:dyDescent="0.2">
      <c r="A344" s="50">
        <v>172</v>
      </c>
    </row>
    <row r="345" spans="1:1" ht="20.25" customHeight="1" x14ac:dyDescent="0.2">
      <c r="A345" s="50"/>
    </row>
    <row r="346" spans="1:1" ht="20.25" customHeight="1" x14ac:dyDescent="0.2">
      <c r="A346" s="50">
        <v>173</v>
      </c>
    </row>
    <row r="347" spans="1:1" ht="20.25" customHeight="1" x14ac:dyDescent="0.2">
      <c r="A347" s="50"/>
    </row>
    <row r="348" spans="1:1" ht="20.25" customHeight="1" x14ac:dyDescent="0.2">
      <c r="A348" s="50">
        <v>174</v>
      </c>
    </row>
    <row r="349" spans="1:1" ht="20.25" customHeight="1" x14ac:dyDescent="0.2">
      <c r="A349" s="50"/>
    </row>
    <row r="350" spans="1:1" ht="20.25" customHeight="1" x14ac:dyDescent="0.2">
      <c r="A350" s="50">
        <v>175</v>
      </c>
    </row>
    <row r="351" spans="1:1" ht="20.25" customHeight="1" x14ac:dyDescent="0.2">
      <c r="A351" s="50"/>
    </row>
    <row r="352" spans="1:1" ht="20.25" customHeight="1" x14ac:dyDescent="0.2">
      <c r="A352" s="50">
        <v>176</v>
      </c>
    </row>
    <row r="353" spans="1:1" ht="20.25" customHeight="1" x14ac:dyDescent="0.2">
      <c r="A353" s="50"/>
    </row>
    <row r="354" spans="1:1" ht="20.25" customHeight="1" x14ac:dyDescent="0.2">
      <c r="A354" s="50">
        <v>177</v>
      </c>
    </row>
    <row r="355" spans="1:1" ht="20.25" customHeight="1" x14ac:dyDescent="0.2">
      <c r="A355" s="50"/>
    </row>
    <row r="356" spans="1:1" ht="20.25" customHeight="1" x14ac:dyDescent="0.2">
      <c r="A356" s="50">
        <v>178</v>
      </c>
    </row>
    <row r="357" spans="1:1" ht="20.25" customHeight="1" x14ac:dyDescent="0.2">
      <c r="A357" s="50"/>
    </row>
    <row r="358" spans="1:1" ht="20.25" customHeight="1" x14ac:dyDescent="0.2">
      <c r="A358" s="50">
        <v>179</v>
      </c>
    </row>
    <row r="359" spans="1:1" ht="20.25" customHeight="1" x14ac:dyDescent="0.2">
      <c r="A359" s="50"/>
    </row>
    <row r="360" spans="1:1" ht="20.25" customHeight="1" x14ac:dyDescent="0.2">
      <c r="A360" s="50">
        <v>180</v>
      </c>
    </row>
    <row r="361" spans="1:1" ht="20.25" customHeight="1" x14ac:dyDescent="0.2">
      <c r="A361" s="50"/>
    </row>
    <row r="362" spans="1:1" ht="20.25" customHeight="1" x14ac:dyDescent="0.2">
      <c r="A362" s="50">
        <v>181</v>
      </c>
    </row>
    <row r="363" spans="1:1" ht="20.25" customHeight="1" x14ac:dyDescent="0.2">
      <c r="A363" s="50"/>
    </row>
    <row r="364" spans="1:1" ht="20.25" customHeight="1" x14ac:dyDescent="0.2">
      <c r="A364" s="50">
        <v>182</v>
      </c>
    </row>
    <row r="365" spans="1:1" ht="20.25" customHeight="1" x14ac:dyDescent="0.2">
      <c r="A365" s="50"/>
    </row>
    <row r="366" spans="1:1" ht="20.25" customHeight="1" x14ac:dyDescent="0.2">
      <c r="A366" s="50">
        <v>183</v>
      </c>
    </row>
    <row r="367" spans="1:1" ht="20.25" customHeight="1" x14ac:dyDescent="0.2">
      <c r="A367" s="50"/>
    </row>
    <row r="368" spans="1:1" ht="20.25" customHeight="1" x14ac:dyDescent="0.2">
      <c r="A368" s="50">
        <v>184</v>
      </c>
    </row>
    <row r="369" spans="1:1" ht="20.25" customHeight="1" x14ac:dyDescent="0.2">
      <c r="A369" s="50"/>
    </row>
    <row r="370" spans="1:1" ht="20.25" customHeight="1" x14ac:dyDescent="0.2">
      <c r="A370" s="50">
        <v>185</v>
      </c>
    </row>
    <row r="371" spans="1:1" ht="20.25" customHeight="1" x14ac:dyDescent="0.2">
      <c r="A371" s="50"/>
    </row>
    <row r="372" spans="1:1" ht="20.25" customHeight="1" x14ac:dyDescent="0.2">
      <c r="A372" s="50">
        <v>186</v>
      </c>
    </row>
    <row r="373" spans="1:1" ht="20.25" customHeight="1" x14ac:dyDescent="0.2">
      <c r="A373" s="50"/>
    </row>
    <row r="374" spans="1:1" ht="20.25" customHeight="1" x14ac:dyDescent="0.2">
      <c r="A374" s="50">
        <v>187</v>
      </c>
    </row>
    <row r="375" spans="1:1" ht="20.25" customHeight="1" x14ac:dyDescent="0.2">
      <c r="A375" s="50"/>
    </row>
    <row r="376" spans="1:1" ht="20.25" customHeight="1" x14ac:dyDescent="0.2">
      <c r="A376" s="50">
        <v>188</v>
      </c>
    </row>
    <row r="377" spans="1:1" ht="20.25" customHeight="1" x14ac:dyDescent="0.2">
      <c r="A377" s="50"/>
    </row>
    <row r="378" spans="1:1" ht="20.25" customHeight="1" x14ac:dyDescent="0.2">
      <c r="A378" s="50">
        <v>189</v>
      </c>
    </row>
    <row r="379" spans="1:1" ht="20.25" customHeight="1" x14ac:dyDescent="0.2">
      <c r="A379" s="50"/>
    </row>
    <row r="380" spans="1:1" ht="20.25" customHeight="1" x14ac:dyDescent="0.2">
      <c r="A380" s="50">
        <v>190</v>
      </c>
    </row>
    <row r="381" spans="1:1" ht="20.25" customHeight="1" x14ac:dyDescent="0.2">
      <c r="A381" s="50"/>
    </row>
    <row r="382" spans="1:1" ht="20.25" customHeight="1" x14ac:dyDescent="0.2">
      <c r="A382" s="50">
        <v>191</v>
      </c>
    </row>
    <row r="383" spans="1:1" ht="20.25" customHeight="1" x14ac:dyDescent="0.2">
      <c r="A383" s="50"/>
    </row>
    <row r="384" spans="1:1" ht="20.25" customHeight="1" x14ac:dyDescent="0.2">
      <c r="A384" s="50">
        <v>192</v>
      </c>
    </row>
    <row r="385" spans="1:1" ht="20.25" customHeight="1" x14ac:dyDescent="0.2">
      <c r="A385" s="50"/>
    </row>
    <row r="386" spans="1:1" ht="20.25" customHeight="1" x14ac:dyDescent="0.2">
      <c r="A386" s="50">
        <v>193</v>
      </c>
    </row>
    <row r="387" spans="1:1" ht="20.25" customHeight="1" x14ac:dyDescent="0.2">
      <c r="A387" s="50"/>
    </row>
    <row r="388" spans="1:1" ht="20.25" customHeight="1" x14ac:dyDescent="0.2">
      <c r="A388" s="50">
        <v>194</v>
      </c>
    </row>
    <row r="389" spans="1:1" ht="20.25" customHeight="1" x14ac:dyDescent="0.2">
      <c r="A389" s="50"/>
    </row>
    <row r="390" spans="1:1" ht="20.25" customHeight="1" x14ac:dyDescent="0.2">
      <c r="A390" s="50">
        <v>195</v>
      </c>
    </row>
    <row r="391" spans="1:1" ht="20.25" customHeight="1" x14ac:dyDescent="0.2">
      <c r="A391" s="50"/>
    </row>
    <row r="392" spans="1:1" ht="20.25" customHeight="1" x14ac:dyDescent="0.2">
      <c r="A392" s="50">
        <v>196</v>
      </c>
    </row>
    <row r="393" spans="1:1" ht="20.25" customHeight="1" x14ac:dyDescent="0.2">
      <c r="A393" s="50"/>
    </row>
    <row r="394" spans="1:1" ht="20.25" customHeight="1" x14ac:dyDescent="0.2">
      <c r="A394" s="50">
        <v>197</v>
      </c>
    </row>
    <row r="395" spans="1:1" ht="20.25" customHeight="1" x14ac:dyDescent="0.2">
      <c r="A395" s="50"/>
    </row>
    <row r="396" spans="1:1" ht="20.25" customHeight="1" x14ac:dyDescent="0.2">
      <c r="A396" s="50">
        <v>198</v>
      </c>
    </row>
    <row r="397" spans="1:1" ht="20.25" customHeight="1" x14ac:dyDescent="0.2">
      <c r="A397" s="50"/>
    </row>
    <row r="398" spans="1:1" ht="20.25" customHeight="1" x14ac:dyDescent="0.2">
      <c r="A398" s="50">
        <v>199</v>
      </c>
    </row>
    <row r="399" spans="1:1" ht="20.25" customHeight="1" x14ac:dyDescent="0.2">
      <c r="A399" s="50"/>
    </row>
    <row r="400" spans="1:1" ht="20.25" customHeight="1" x14ac:dyDescent="0.2">
      <c r="A400" s="50">
        <v>200</v>
      </c>
    </row>
    <row r="401" spans="1:1" ht="20.25" customHeight="1" x14ac:dyDescent="0.2">
      <c r="A401" s="50"/>
    </row>
    <row r="402" spans="1:1" ht="20.25" customHeight="1" x14ac:dyDescent="0.2">
      <c r="A402" s="50">
        <v>201</v>
      </c>
    </row>
    <row r="403" spans="1:1" ht="20.25" customHeight="1" x14ac:dyDescent="0.2">
      <c r="A403" s="50"/>
    </row>
    <row r="404" spans="1:1" ht="20.25" customHeight="1" x14ac:dyDescent="0.2">
      <c r="A404" s="50">
        <v>202</v>
      </c>
    </row>
    <row r="405" spans="1:1" ht="20.25" customHeight="1" x14ac:dyDescent="0.2">
      <c r="A405" s="50"/>
    </row>
    <row r="406" spans="1:1" ht="20.25" customHeight="1" x14ac:dyDescent="0.2">
      <c r="A406" s="50">
        <v>203</v>
      </c>
    </row>
    <row r="407" spans="1:1" ht="20.25" customHeight="1" x14ac:dyDescent="0.2">
      <c r="A407" s="50"/>
    </row>
    <row r="408" spans="1:1" ht="20.25" customHeight="1" x14ac:dyDescent="0.2">
      <c r="A408" s="50">
        <v>204</v>
      </c>
    </row>
    <row r="409" spans="1:1" ht="20.25" customHeight="1" x14ac:dyDescent="0.2">
      <c r="A409" s="50"/>
    </row>
    <row r="410" spans="1:1" ht="20.25" customHeight="1" x14ac:dyDescent="0.2">
      <c r="A410" s="50">
        <v>205</v>
      </c>
    </row>
    <row r="411" spans="1:1" ht="20.25" customHeight="1" x14ac:dyDescent="0.2">
      <c r="A411" s="50"/>
    </row>
    <row r="412" spans="1:1" ht="20.25" customHeight="1" x14ac:dyDescent="0.2">
      <c r="A412" s="50">
        <v>206</v>
      </c>
    </row>
    <row r="413" spans="1:1" ht="20.25" customHeight="1" x14ac:dyDescent="0.2">
      <c r="A413" s="50"/>
    </row>
    <row r="414" spans="1:1" ht="20.25" customHeight="1" x14ac:dyDescent="0.2">
      <c r="A414" s="50">
        <v>207</v>
      </c>
    </row>
    <row r="415" spans="1:1" ht="20.25" customHeight="1" x14ac:dyDescent="0.2">
      <c r="A415" s="50"/>
    </row>
    <row r="416" spans="1:1" ht="20.25" customHeight="1" x14ac:dyDescent="0.2">
      <c r="A416" s="50">
        <v>208</v>
      </c>
    </row>
    <row r="417" spans="1:1" ht="20.25" customHeight="1" x14ac:dyDescent="0.2">
      <c r="A417" s="50"/>
    </row>
    <row r="418" spans="1:1" ht="20.25" customHeight="1" x14ac:dyDescent="0.2">
      <c r="A418" s="50">
        <v>209</v>
      </c>
    </row>
    <row r="419" spans="1:1" ht="20.25" customHeight="1" x14ac:dyDescent="0.2">
      <c r="A419" s="50"/>
    </row>
    <row r="420" spans="1:1" ht="20.25" customHeight="1" x14ac:dyDescent="0.2">
      <c r="A420" s="50">
        <v>210</v>
      </c>
    </row>
    <row r="421" spans="1:1" ht="20.25" customHeight="1" x14ac:dyDescent="0.2">
      <c r="A421" s="50"/>
    </row>
    <row r="422" spans="1:1" ht="20.25" customHeight="1" x14ac:dyDescent="0.2">
      <c r="A422" s="50">
        <v>211</v>
      </c>
    </row>
    <row r="423" spans="1:1" ht="20.25" customHeight="1" x14ac:dyDescent="0.2">
      <c r="A423" s="50"/>
    </row>
    <row r="424" spans="1:1" ht="20.25" customHeight="1" x14ac:dyDescent="0.2">
      <c r="A424" s="50">
        <v>212</v>
      </c>
    </row>
    <row r="425" spans="1:1" ht="20.25" customHeight="1" x14ac:dyDescent="0.2">
      <c r="A425" s="50"/>
    </row>
    <row r="426" spans="1:1" ht="20.25" customHeight="1" x14ac:dyDescent="0.2">
      <c r="A426" s="50">
        <v>213</v>
      </c>
    </row>
    <row r="427" spans="1:1" ht="20.25" customHeight="1" x14ac:dyDescent="0.2">
      <c r="A427" s="50"/>
    </row>
    <row r="428" spans="1:1" ht="20.25" customHeight="1" x14ac:dyDescent="0.2">
      <c r="A428" s="50">
        <v>214</v>
      </c>
    </row>
    <row r="429" spans="1:1" ht="20.25" customHeight="1" x14ac:dyDescent="0.2">
      <c r="A429" s="50"/>
    </row>
    <row r="430" spans="1:1" ht="20.25" customHeight="1" x14ac:dyDescent="0.2">
      <c r="A430" s="50">
        <v>215</v>
      </c>
    </row>
    <row r="431" spans="1:1" ht="20.25" customHeight="1" x14ac:dyDescent="0.2">
      <c r="A431" s="50"/>
    </row>
    <row r="432" spans="1:1" ht="20.25" customHeight="1" x14ac:dyDescent="0.2">
      <c r="A432" s="50">
        <v>216</v>
      </c>
    </row>
    <row r="433" spans="1:1" ht="20.25" customHeight="1" x14ac:dyDescent="0.2">
      <c r="A433" s="50"/>
    </row>
    <row r="434" spans="1:1" ht="20.25" customHeight="1" x14ac:dyDescent="0.2">
      <c r="A434" s="50">
        <v>217</v>
      </c>
    </row>
    <row r="435" spans="1:1" ht="20.25" customHeight="1" x14ac:dyDescent="0.2">
      <c r="A435" s="50"/>
    </row>
    <row r="436" spans="1:1" ht="20.25" customHeight="1" x14ac:dyDescent="0.2">
      <c r="A436" s="50">
        <v>218</v>
      </c>
    </row>
    <row r="437" spans="1:1" ht="20.25" customHeight="1" x14ac:dyDescent="0.2">
      <c r="A437" s="50"/>
    </row>
    <row r="438" spans="1:1" ht="20.25" customHeight="1" x14ac:dyDescent="0.2">
      <c r="A438" s="50">
        <v>219</v>
      </c>
    </row>
    <row r="439" spans="1:1" ht="20.25" customHeight="1" x14ac:dyDescent="0.2">
      <c r="A439" s="50"/>
    </row>
    <row r="440" spans="1:1" ht="20.25" customHeight="1" x14ac:dyDescent="0.2">
      <c r="A440" s="50">
        <v>220</v>
      </c>
    </row>
    <row r="441" spans="1:1" ht="20.25" customHeight="1" x14ac:dyDescent="0.2">
      <c r="A441" s="50"/>
    </row>
    <row r="442" spans="1:1" ht="20.25" customHeight="1" x14ac:dyDescent="0.2">
      <c r="A442" s="50">
        <v>221</v>
      </c>
    </row>
    <row r="443" spans="1:1" ht="20.25" customHeight="1" x14ac:dyDescent="0.2">
      <c r="A443" s="50"/>
    </row>
    <row r="444" spans="1:1" ht="20.25" customHeight="1" x14ac:dyDescent="0.2">
      <c r="A444" s="50">
        <v>222</v>
      </c>
    </row>
    <row r="445" spans="1:1" ht="20.25" customHeight="1" x14ac:dyDescent="0.2">
      <c r="A445" s="50"/>
    </row>
    <row r="446" spans="1:1" ht="20.25" customHeight="1" x14ac:dyDescent="0.2">
      <c r="A446" s="50">
        <v>223</v>
      </c>
    </row>
    <row r="447" spans="1:1" ht="20.25" customHeight="1" x14ac:dyDescent="0.2">
      <c r="A447" s="50"/>
    </row>
    <row r="448" spans="1:1" ht="20.25" customHeight="1" x14ac:dyDescent="0.2">
      <c r="A448" s="50">
        <v>224</v>
      </c>
    </row>
    <row r="449" spans="1:1" ht="20.25" customHeight="1" x14ac:dyDescent="0.2">
      <c r="A449" s="50"/>
    </row>
    <row r="450" spans="1:1" ht="20.25" customHeight="1" x14ac:dyDescent="0.2">
      <c r="A450" s="50">
        <v>225</v>
      </c>
    </row>
    <row r="451" spans="1:1" ht="20.25" customHeight="1" x14ac:dyDescent="0.2">
      <c r="A451" s="50"/>
    </row>
    <row r="452" spans="1:1" ht="20.25" customHeight="1" x14ac:dyDescent="0.2">
      <c r="A452" s="50">
        <v>226</v>
      </c>
    </row>
    <row r="453" spans="1:1" ht="20.25" customHeight="1" x14ac:dyDescent="0.2">
      <c r="A453" s="50"/>
    </row>
    <row r="454" spans="1:1" ht="20.25" customHeight="1" x14ac:dyDescent="0.2">
      <c r="A454" s="50">
        <v>227</v>
      </c>
    </row>
    <row r="455" spans="1:1" ht="20.25" customHeight="1" x14ac:dyDescent="0.2">
      <c r="A455" s="50"/>
    </row>
    <row r="456" spans="1:1" ht="20.25" customHeight="1" x14ac:dyDescent="0.2">
      <c r="A456" s="50">
        <v>228</v>
      </c>
    </row>
    <row r="457" spans="1:1" ht="20.25" customHeight="1" x14ac:dyDescent="0.2">
      <c r="A457" s="50"/>
    </row>
    <row r="458" spans="1:1" ht="20.25" customHeight="1" x14ac:dyDescent="0.2">
      <c r="A458" s="50">
        <v>229</v>
      </c>
    </row>
    <row r="459" spans="1:1" ht="20.25" customHeight="1" x14ac:dyDescent="0.2">
      <c r="A459" s="50"/>
    </row>
    <row r="460" spans="1:1" ht="20.25" customHeight="1" x14ac:dyDescent="0.2">
      <c r="A460" s="50">
        <v>230</v>
      </c>
    </row>
    <row r="461" spans="1:1" ht="20.25" customHeight="1" x14ac:dyDescent="0.2">
      <c r="A461" s="50"/>
    </row>
    <row r="462" spans="1:1" ht="20.25" customHeight="1" x14ac:dyDescent="0.2">
      <c r="A462" s="50">
        <v>231</v>
      </c>
    </row>
    <row r="463" spans="1:1" ht="20.25" customHeight="1" x14ac:dyDescent="0.2">
      <c r="A463" s="50"/>
    </row>
    <row r="464" spans="1:1" ht="20.25" customHeight="1" x14ac:dyDescent="0.2">
      <c r="A464" s="50">
        <v>232</v>
      </c>
    </row>
    <row r="465" spans="1:1" ht="20.25" customHeight="1" x14ac:dyDescent="0.2">
      <c r="A465" s="50"/>
    </row>
    <row r="466" spans="1:1" ht="20.25" customHeight="1" x14ac:dyDescent="0.2">
      <c r="A466" s="50">
        <v>233</v>
      </c>
    </row>
    <row r="467" spans="1:1" ht="20.25" customHeight="1" x14ac:dyDescent="0.2">
      <c r="A467" s="50"/>
    </row>
    <row r="468" spans="1:1" ht="20.25" customHeight="1" x14ac:dyDescent="0.2">
      <c r="A468" s="50">
        <v>234</v>
      </c>
    </row>
    <row r="469" spans="1:1" ht="20.25" customHeight="1" x14ac:dyDescent="0.2">
      <c r="A469" s="50"/>
    </row>
    <row r="470" spans="1:1" ht="20.25" customHeight="1" x14ac:dyDescent="0.2">
      <c r="A470" s="50">
        <v>235</v>
      </c>
    </row>
    <row r="471" spans="1:1" ht="20.25" customHeight="1" x14ac:dyDescent="0.2">
      <c r="A471" s="50"/>
    </row>
    <row r="472" spans="1:1" ht="20.25" customHeight="1" x14ac:dyDescent="0.2">
      <c r="A472" s="50">
        <v>236</v>
      </c>
    </row>
    <row r="473" spans="1:1" ht="20.25" customHeight="1" x14ac:dyDescent="0.2">
      <c r="A473" s="50"/>
    </row>
    <row r="474" spans="1:1" ht="20.25" customHeight="1" x14ac:dyDescent="0.2">
      <c r="A474" s="50">
        <v>237</v>
      </c>
    </row>
    <row r="475" spans="1:1" ht="20.25" customHeight="1" x14ac:dyDescent="0.2">
      <c r="A475" s="50"/>
    </row>
    <row r="476" spans="1:1" ht="20.25" customHeight="1" x14ac:dyDescent="0.2">
      <c r="A476" s="50">
        <v>238</v>
      </c>
    </row>
    <row r="477" spans="1:1" ht="20.25" customHeight="1" x14ac:dyDescent="0.2">
      <c r="A477" s="50"/>
    </row>
    <row r="478" spans="1:1" ht="20.25" customHeight="1" x14ac:dyDescent="0.2">
      <c r="A478" s="50">
        <v>239</v>
      </c>
    </row>
    <row r="479" spans="1:1" ht="20.25" customHeight="1" x14ac:dyDescent="0.2">
      <c r="A479" s="50"/>
    </row>
    <row r="480" spans="1:1" ht="20.25" customHeight="1" x14ac:dyDescent="0.2">
      <c r="A480" s="50">
        <v>240</v>
      </c>
    </row>
    <row r="481" spans="1:1" ht="20.25" customHeight="1" x14ac:dyDescent="0.2">
      <c r="A481" s="50"/>
    </row>
    <row r="482" spans="1:1" ht="20.25" customHeight="1" x14ac:dyDescent="0.2">
      <c r="A482" s="50">
        <v>241</v>
      </c>
    </row>
    <row r="483" spans="1:1" ht="20.25" customHeight="1" x14ac:dyDescent="0.2">
      <c r="A483" s="50"/>
    </row>
    <row r="484" spans="1:1" ht="20.25" customHeight="1" x14ac:dyDescent="0.2">
      <c r="A484" s="50">
        <v>242</v>
      </c>
    </row>
    <row r="485" spans="1:1" ht="20.25" customHeight="1" x14ac:dyDescent="0.2">
      <c r="A485" s="50"/>
    </row>
    <row r="486" spans="1:1" ht="20.25" customHeight="1" x14ac:dyDescent="0.2">
      <c r="A486" s="50">
        <v>243</v>
      </c>
    </row>
    <row r="487" spans="1:1" ht="20.25" customHeight="1" x14ac:dyDescent="0.2">
      <c r="A487" s="50"/>
    </row>
    <row r="488" spans="1:1" ht="20.25" customHeight="1" x14ac:dyDescent="0.2">
      <c r="A488" s="50">
        <v>244</v>
      </c>
    </row>
    <row r="489" spans="1:1" ht="20.25" customHeight="1" x14ac:dyDescent="0.2">
      <c r="A489" s="50"/>
    </row>
    <row r="490" spans="1:1" ht="20.25" customHeight="1" x14ac:dyDescent="0.2">
      <c r="A490" s="50">
        <v>245</v>
      </c>
    </row>
    <row r="491" spans="1:1" ht="20.25" customHeight="1" x14ac:dyDescent="0.2">
      <c r="A491" s="50"/>
    </row>
    <row r="492" spans="1:1" ht="20.25" customHeight="1" x14ac:dyDescent="0.2">
      <c r="A492" s="50">
        <v>246</v>
      </c>
    </row>
    <row r="493" spans="1:1" ht="20.25" customHeight="1" x14ac:dyDescent="0.2">
      <c r="A493" s="50"/>
    </row>
    <row r="494" spans="1:1" ht="20.25" customHeight="1" x14ac:dyDescent="0.2">
      <c r="A494" s="50">
        <v>247</v>
      </c>
    </row>
    <row r="495" spans="1:1" ht="20.25" customHeight="1" x14ac:dyDescent="0.2">
      <c r="A495" s="50"/>
    </row>
    <row r="496" spans="1:1" ht="20.25" customHeight="1" x14ac:dyDescent="0.2">
      <c r="A496" s="50">
        <v>248</v>
      </c>
    </row>
    <row r="497" spans="1:1" ht="20.25" customHeight="1" x14ac:dyDescent="0.2">
      <c r="A497" s="50"/>
    </row>
    <row r="498" spans="1:1" ht="20.25" customHeight="1" x14ac:dyDescent="0.2">
      <c r="A498" s="50">
        <v>249</v>
      </c>
    </row>
    <row r="499" spans="1:1" ht="20.25" customHeight="1" x14ac:dyDescent="0.2">
      <c r="A499" s="50"/>
    </row>
    <row r="500" spans="1:1" ht="20.25" customHeight="1" x14ac:dyDescent="0.2">
      <c r="A500" s="50">
        <v>250</v>
      </c>
    </row>
    <row r="501" spans="1:1" ht="20.25" customHeight="1" x14ac:dyDescent="0.2">
      <c r="A501" s="50"/>
    </row>
    <row r="502" spans="1:1" ht="20.25" customHeight="1" x14ac:dyDescent="0.2">
      <c r="A502" s="50">
        <v>251</v>
      </c>
    </row>
    <row r="503" spans="1:1" ht="20.25" customHeight="1" x14ac:dyDescent="0.2">
      <c r="A503" s="50"/>
    </row>
    <row r="504" spans="1:1" ht="20.25" customHeight="1" x14ac:dyDescent="0.2">
      <c r="A504" s="50">
        <v>252</v>
      </c>
    </row>
    <row r="505" spans="1:1" ht="20.25" customHeight="1" x14ac:dyDescent="0.2">
      <c r="A505" s="50"/>
    </row>
    <row r="506" spans="1:1" ht="20.25" customHeight="1" x14ac:dyDescent="0.2">
      <c r="A506" s="50">
        <v>253</v>
      </c>
    </row>
    <row r="507" spans="1:1" ht="20.25" customHeight="1" x14ac:dyDescent="0.2">
      <c r="A507" s="50"/>
    </row>
    <row r="508" spans="1:1" ht="20.25" customHeight="1" x14ac:dyDescent="0.2">
      <c r="A508" s="50">
        <v>254</v>
      </c>
    </row>
    <row r="509" spans="1:1" ht="20.25" customHeight="1" x14ac:dyDescent="0.2">
      <c r="A509" s="50"/>
    </row>
    <row r="510" spans="1:1" ht="20.25" customHeight="1" x14ac:dyDescent="0.2">
      <c r="A510" s="50">
        <v>255</v>
      </c>
    </row>
    <row r="511" spans="1:1" ht="20.25" customHeight="1" x14ac:dyDescent="0.2">
      <c r="A511" s="50"/>
    </row>
    <row r="512" spans="1:1" ht="20.25" customHeight="1" x14ac:dyDescent="0.2">
      <c r="A512" s="50">
        <v>256</v>
      </c>
    </row>
    <row r="513" spans="1:1" ht="20.25" customHeight="1" x14ac:dyDescent="0.2">
      <c r="A513" s="50"/>
    </row>
    <row r="514" spans="1:1" ht="20.25" customHeight="1" x14ac:dyDescent="0.2">
      <c r="A514" s="50">
        <v>257</v>
      </c>
    </row>
    <row r="515" spans="1:1" ht="20.25" customHeight="1" x14ac:dyDescent="0.2">
      <c r="A515" s="50"/>
    </row>
    <row r="516" spans="1:1" ht="20.25" customHeight="1" x14ac:dyDescent="0.2">
      <c r="A516" s="50">
        <v>258</v>
      </c>
    </row>
    <row r="517" spans="1:1" ht="20.25" customHeight="1" x14ac:dyDescent="0.2">
      <c r="A517" s="50"/>
    </row>
    <row r="518" spans="1:1" ht="20.25" customHeight="1" x14ac:dyDescent="0.2">
      <c r="A518" s="50">
        <v>259</v>
      </c>
    </row>
    <row r="519" spans="1:1" ht="20.25" customHeight="1" x14ac:dyDescent="0.2">
      <c r="A519" s="50"/>
    </row>
    <row r="520" spans="1:1" ht="20.25" customHeight="1" x14ac:dyDescent="0.2">
      <c r="A520" s="50">
        <v>260</v>
      </c>
    </row>
    <row r="521" spans="1:1" ht="20.25" customHeight="1" x14ac:dyDescent="0.2">
      <c r="A521" s="50"/>
    </row>
    <row r="522" spans="1:1" ht="20.25" customHeight="1" x14ac:dyDescent="0.2">
      <c r="A522" s="50">
        <v>261</v>
      </c>
    </row>
    <row r="523" spans="1:1" ht="20.25" customHeight="1" x14ac:dyDescent="0.2">
      <c r="A523" s="50"/>
    </row>
    <row r="524" spans="1:1" ht="20.25" customHeight="1" x14ac:dyDescent="0.2">
      <c r="A524" s="50">
        <v>262</v>
      </c>
    </row>
    <row r="525" spans="1:1" ht="20.25" customHeight="1" x14ac:dyDescent="0.2">
      <c r="A525" s="50"/>
    </row>
    <row r="526" spans="1:1" ht="20.25" customHeight="1" x14ac:dyDescent="0.2">
      <c r="A526" s="50">
        <v>263</v>
      </c>
    </row>
    <row r="527" spans="1:1" ht="20.25" customHeight="1" x14ac:dyDescent="0.2">
      <c r="A527" s="50"/>
    </row>
    <row r="528" spans="1:1" ht="20.25" customHeight="1" x14ac:dyDescent="0.2">
      <c r="A528" s="50">
        <v>264</v>
      </c>
    </row>
    <row r="529" spans="1:1" ht="20.25" customHeight="1" x14ac:dyDescent="0.2">
      <c r="A529" s="50"/>
    </row>
    <row r="530" spans="1:1" ht="20.25" customHeight="1" x14ac:dyDescent="0.2">
      <c r="A530" s="50">
        <v>265</v>
      </c>
    </row>
    <row r="531" spans="1:1" ht="20.25" customHeight="1" x14ac:dyDescent="0.2">
      <c r="A531" s="50"/>
    </row>
    <row r="532" spans="1:1" ht="20.25" customHeight="1" x14ac:dyDescent="0.2">
      <c r="A532" s="50">
        <v>266</v>
      </c>
    </row>
    <row r="533" spans="1:1" ht="20.25" customHeight="1" x14ac:dyDescent="0.2">
      <c r="A533" s="50"/>
    </row>
    <row r="534" spans="1:1" ht="20.25" customHeight="1" x14ac:dyDescent="0.2">
      <c r="A534" s="50">
        <v>267</v>
      </c>
    </row>
    <row r="535" spans="1:1" ht="20.25" customHeight="1" x14ac:dyDescent="0.2">
      <c r="A535" s="50"/>
    </row>
    <row r="536" spans="1:1" ht="20.25" customHeight="1" x14ac:dyDescent="0.2">
      <c r="A536" s="50">
        <v>268</v>
      </c>
    </row>
    <row r="537" spans="1:1" ht="20.25" customHeight="1" x14ac:dyDescent="0.2">
      <c r="A537" s="50"/>
    </row>
    <row r="538" spans="1:1" ht="20.25" customHeight="1" x14ac:dyDescent="0.2">
      <c r="A538" s="50">
        <v>269</v>
      </c>
    </row>
    <row r="539" spans="1:1" ht="20.25" customHeight="1" x14ac:dyDescent="0.2">
      <c r="A539" s="50"/>
    </row>
    <row r="540" spans="1:1" ht="20.25" customHeight="1" x14ac:dyDescent="0.2">
      <c r="A540" s="50">
        <v>270</v>
      </c>
    </row>
    <row r="541" spans="1:1" ht="20.25" customHeight="1" x14ac:dyDescent="0.2">
      <c r="A541" s="50"/>
    </row>
    <row r="542" spans="1:1" ht="20.25" customHeight="1" x14ac:dyDescent="0.2">
      <c r="A542" s="50">
        <v>271</v>
      </c>
    </row>
    <row r="543" spans="1:1" ht="20.25" customHeight="1" x14ac:dyDescent="0.2">
      <c r="A543" s="50"/>
    </row>
    <row r="544" spans="1:1" ht="20.25" customHeight="1" x14ac:dyDescent="0.2">
      <c r="A544" s="50">
        <v>272</v>
      </c>
    </row>
    <row r="545" spans="1:1" ht="20.25" customHeight="1" x14ac:dyDescent="0.2">
      <c r="A545" s="50"/>
    </row>
    <row r="546" spans="1:1" ht="20.25" customHeight="1" x14ac:dyDescent="0.2">
      <c r="A546" s="50">
        <v>273</v>
      </c>
    </row>
    <row r="547" spans="1:1" ht="20.25" customHeight="1" x14ac:dyDescent="0.2">
      <c r="A547" s="50"/>
    </row>
    <row r="548" spans="1:1" ht="20.25" customHeight="1" x14ac:dyDescent="0.2">
      <c r="A548" s="50">
        <v>274</v>
      </c>
    </row>
    <row r="549" spans="1:1" ht="20.25" customHeight="1" x14ac:dyDescent="0.2">
      <c r="A549" s="50"/>
    </row>
    <row r="550" spans="1:1" ht="20.25" customHeight="1" x14ac:dyDescent="0.2">
      <c r="A550" s="50">
        <v>275</v>
      </c>
    </row>
    <row r="551" spans="1:1" ht="20.25" customHeight="1" x14ac:dyDescent="0.2">
      <c r="A551" s="50"/>
    </row>
    <row r="552" spans="1:1" ht="20.25" customHeight="1" x14ac:dyDescent="0.2">
      <c r="A552" s="50">
        <v>276</v>
      </c>
    </row>
    <row r="553" spans="1:1" ht="20.25" customHeight="1" x14ac:dyDescent="0.2">
      <c r="A553" s="50"/>
    </row>
    <row r="554" spans="1:1" ht="20.25" customHeight="1" x14ac:dyDescent="0.2">
      <c r="A554" s="50">
        <v>277</v>
      </c>
    </row>
    <row r="555" spans="1:1" ht="20.25" customHeight="1" x14ac:dyDescent="0.2">
      <c r="A555" s="50"/>
    </row>
    <row r="556" spans="1:1" ht="20.25" customHeight="1" x14ac:dyDescent="0.2">
      <c r="A556" s="50">
        <v>278</v>
      </c>
    </row>
    <row r="557" spans="1:1" ht="20.25" customHeight="1" x14ac:dyDescent="0.2">
      <c r="A557" s="50"/>
    </row>
    <row r="558" spans="1:1" ht="20.25" customHeight="1" x14ac:dyDescent="0.2">
      <c r="A558" s="50">
        <v>279</v>
      </c>
    </row>
    <row r="559" spans="1:1" ht="20.25" customHeight="1" x14ac:dyDescent="0.2">
      <c r="A559" s="50"/>
    </row>
    <row r="560" spans="1:1" ht="20.25" customHeight="1" x14ac:dyDescent="0.2">
      <c r="A560" s="50">
        <v>280</v>
      </c>
    </row>
    <row r="561" spans="1:1" ht="20.25" customHeight="1" x14ac:dyDescent="0.2">
      <c r="A561" s="50"/>
    </row>
    <row r="562" spans="1:1" ht="20.25" customHeight="1" x14ac:dyDescent="0.2">
      <c r="A562" s="50">
        <v>281</v>
      </c>
    </row>
    <row r="563" spans="1:1" ht="20.25" customHeight="1" x14ac:dyDescent="0.2">
      <c r="A563" s="50"/>
    </row>
    <row r="564" spans="1:1" ht="20.25" customHeight="1" x14ac:dyDescent="0.2">
      <c r="A564" s="50">
        <v>282</v>
      </c>
    </row>
    <row r="565" spans="1:1" ht="20.25" customHeight="1" x14ac:dyDescent="0.2">
      <c r="A565" s="50"/>
    </row>
    <row r="566" spans="1:1" ht="20.25" customHeight="1" x14ac:dyDescent="0.2">
      <c r="A566" s="50">
        <v>283</v>
      </c>
    </row>
    <row r="567" spans="1:1" ht="20.25" customHeight="1" x14ac:dyDescent="0.2">
      <c r="A567" s="50"/>
    </row>
    <row r="568" spans="1:1" ht="20.25" customHeight="1" x14ac:dyDescent="0.2">
      <c r="A568" s="50">
        <v>284</v>
      </c>
    </row>
    <row r="569" spans="1:1" ht="20.25" customHeight="1" x14ac:dyDescent="0.2">
      <c r="A569" s="50"/>
    </row>
    <row r="570" spans="1:1" ht="20.25" customHeight="1" x14ac:dyDescent="0.2">
      <c r="A570" s="50">
        <v>285</v>
      </c>
    </row>
    <row r="571" spans="1:1" ht="20.25" customHeight="1" x14ac:dyDescent="0.2">
      <c r="A571" s="50"/>
    </row>
    <row r="572" spans="1:1" ht="20.25" customHeight="1" x14ac:dyDescent="0.2">
      <c r="A572" s="50">
        <v>286</v>
      </c>
    </row>
    <row r="573" spans="1:1" ht="20.25" customHeight="1" x14ac:dyDescent="0.2">
      <c r="A573" s="50"/>
    </row>
    <row r="574" spans="1:1" ht="20.25" customHeight="1" x14ac:dyDescent="0.2">
      <c r="A574" s="50">
        <v>287</v>
      </c>
    </row>
    <row r="575" spans="1:1" ht="20.25" customHeight="1" x14ac:dyDescent="0.2">
      <c r="A575" s="50"/>
    </row>
    <row r="576" spans="1:1" ht="20.25" customHeight="1" x14ac:dyDescent="0.2">
      <c r="A576" s="50">
        <v>288</v>
      </c>
    </row>
    <row r="577" spans="1:1" ht="20.25" customHeight="1" x14ac:dyDescent="0.2">
      <c r="A577" s="50"/>
    </row>
    <row r="578" spans="1:1" ht="20.25" customHeight="1" x14ac:dyDescent="0.2">
      <c r="A578" s="50">
        <v>289</v>
      </c>
    </row>
    <row r="579" spans="1:1" ht="20.25" customHeight="1" x14ac:dyDescent="0.2">
      <c r="A579" s="50"/>
    </row>
    <row r="580" spans="1:1" ht="20.25" customHeight="1" x14ac:dyDescent="0.2">
      <c r="A580" s="50">
        <v>290</v>
      </c>
    </row>
    <row r="581" spans="1:1" ht="20.25" customHeight="1" x14ac:dyDescent="0.2">
      <c r="A581" s="50"/>
    </row>
    <row r="582" spans="1:1" ht="20.25" customHeight="1" x14ac:dyDescent="0.2">
      <c r="A582" s="50">
        <v>291</v>
      </c>
    </row>
    <row r="583" spans="1:1" ht="20.25" customHeight="1" x14ac:dyDescent="0.2">
      <c r="A583" s="50"/>
    </row>
    <row r="584" spans="1:1" ht="20.25" customHeight="1" x14ac:dyDescent="0.2">
      <c r="A584" s="50">
        <v>292</v>
      </c>
    </row>
    <row r="585" spans="1:1" ht="20.25" customHeight="1" x14ac:dyDescent="0.2">
      <c r="A585" s="50"/>
    </row>
    <row r="586" spans="1:1" ht="20.25" customHeight="1" x14ac:dyDescent="0.2">
      <c r="A586" s="50">
        <v>293</v>
      </c>
    </row>
    <row r="587" spans="1:1" ht="20.25" customHeight="1" x14ac:dyDescent="0.2">
      <c r="A587" s="50"/>
    </row>
    <row r="588" spans="1:1" ht="20.25" customHeight="1" x14ac:dyDescent="0.2">
      <c r="A588" s="50">
        <v>294</v>
      </c>
    </row>
    <row r="589" spans="1:1" ht="20.25" customHeight="1" x14ac:dyDescent="0.2">
      <c r="A589" s="50"/>
    </row>
    <row r="590" spans="1:1" ht="20.25" customHeight="1" x14ac:dyDescent="0.2">
      <c r="A590" s="50">
        <v>295</v>
      </c>
    </row>
    <row r="591" spans="1:1" ht="20.25" customHeight="1" x14ac:dyDescent="0.2">
      <c r="A591" s="50"/>
    </row>
    <row r="592" spans="1:1" ht="20.25" customHeight="1" x14ac:dyDescent="0.2">
      <c r="A592" s="50">
        <v>296</v>
      </c>
    </row>
    <row r="593" spans="1:1" ht="20.25" customHeight="1" x14ac:dyDescent="0.2">
      <c r="A593" s="50"/>
    </row>
    <row r="594" spans="1:1" ht="20.25" customHeight="1" x14ac:dyDescent="0.2">
      <c r="A594" s="50">
        <v>297</v>
      </c>
    </row>
    <row r="595" spans="1:1" ht="20.25" customHeight="1" x14ac:dyDescent="0.2">
      <c r="A595" s="50"/>
    </row>
    <row r="596" spans="1:1" ht="20.25" customHeight="1" x14ac:dyDescent="0.2">
      <c r="A596" s="50">
        <v>298</v>
      </c>
    </row>
    <row r="597" spans="1:1" ht="20.25" customHeight="1" x14ac:dyDescent="0.2">
      <c r="A597" s="50"/>
    </row>
    <row r="598" spans="1:1" ht="20.25" customHeight="1" x14ac:dyDescent="0.2">
      <c r="A598" s="50">
        <v>299</v>
      </c>
    </row>
    <row r="599" spans="1:1" ht="20.25" customHeight="1" x14ac:dyDescent="0.2">
      <c r="A599" s="50"/>
    </row>
    <row r="600" spans="1:1" ht="20.25" customHeight="1" x14ac:dyDescent="0.2">
      <c r="A600" s="50">
        <v>300</v>
      </c>
    </row>
    <row r="601" spans="1:1" ht="20.25" customHeight="1" x14ac:dyDescent="0.2">
      <c r="A601" s="50"/>
    </row>
    <row r="602" spans="1:1" ht="20.25" customHeight="1" x14ac:dyDescent="0.2">
      <c r="A602" s="50">
        <v>301</v>
      </c>
    </row>
    <row r="603" spans="1:1" ht="20.25" customHeight="1" x14ac:dyDescent="0.2">
      <c r="A603" s="50"/>
    </row>
    <row r="604" spans="1:1" ht="20.25" customHeight="1" x14ac:dyDescent="0.2">
      <c r="A604" s="50">
        <v>302</v>
      </c>
    </row>
    <row r="605" spans="1:1" ht="20.25" customHeight="1" x14ac:dyDescent="0.2">
      <c r="A605" s="50"/>
    </row>
    <row r="606" spans="1:1" ht="20.25" customHeight="1" x14ac:dyDescent="0.2">
      <c r="A606" s="50">
        <v>303</v>
      </c>
    </row>
    <row r="607" spans="1:1" ht="20.25" customHeight="1" x14ac:dyDescent="0.2">
      <c r="A607" s="50"/>
    </row>
    <row r="608" spans="1:1" ht="20.25" customHeight="1" x14ac:dyDescent="0.2">
      <c r="A608" s="50">
        <v>304</v>
      </c>
    </row>
    <row r="609" spans="1:1" ht="20.25" customHeight="1" x14ac:dyDescent="0.2">
      <c r="A609" s="50"/>
    </row>
    <row r="610" spans="1:1" ht="20.25" customHeight="1" x14ac:dyDescent="0.2">
      <c r="A610" s="50">
        <v>305</v>
      </c>
    </row>
    <row r="611" spans="1:1" ht="20.25" customHeight="1" x14ac:dyDescent="0.2">
      <c r="A611" s="50"/>
    </row>
    <row r="612" spans="1:1" ht="20.25" customHeight="1" x14ac:dyDescent="0.2">
      <c r="A612" s="50">
        <v>306</v>
      </c>
    </row>
    <row r="613" spans="1:1" ht="20.25" customHeight="1" x14ac:dyDescent="0.2">
      <c r="A613" s="50"/>
    </row>
    <row r="614" spans="1:1" ht="20.25" customHeight="1" x14ac:dyDescent="0.2">
      <c r="A614" s="50">
        <v>307</v>
      </c>
    </row>
    <row r="615" spans="1:1" ht="20.25" customHeight="1" x14ac:dyDescent="0.2">
      <c r="A615" s="50"/>
    </row>
    <row r="616" spans="1:1" ht="20.25" customHeight="1" x14ac:dyDescent="0.2">
      <c r="A616" s="50">
        <v>308</v>
      </c>
    </row>
    <row r="617" spans="1:1" ht="20.25" customHeight="1" x14ac:dyDescent="0.2">
      <c r="A617" s="50"/>
    </row>
    <row r="618" spans="1:1" ht="20.25" customHeight="1" x14ac:dyDescent="0.2">
      <c r="A618" s="50">
        <v>309</v>
      </c>
    </row>
    <row r="619" spans="1:1" ht="20.25" customHeight="1" x14ac:dyDescent="0.2">
      <c r="A619" s="50"/>
    </row>
    <row r="620" spans="1:1" ht="20.25" customHeight="1" x14ac:dyDescent="0.2">
      <c r="A620" s="50">
        <v>310</v>
      </c>
    </row>
    <row r="621" spans="1:1" ht="20.25" customHeight="1" x14ac:dyDescent="0.2">
      <c r="A621" s="50"/>
    </row>
    <row r="622" spans="1:1" ht="20.25" customHeight="1" x14ac:dyDescent="0.2">
      <c r="A622" s="50">
        <v>311</v>
      </c>
    </row>
    <row r="623" spans="1:1" ht="20.25" customHeight="1" x14ac:dyDescent="0.2">
      <c r="A623" s="50"/>
    </row>
    <row r="624" spans="1:1" ht="20.25" customHeight="1" x14ac:dyDescent="0.2">
      <c r="A624" s="50">
        <v>312</v>
      </c>
    </row>
    <row r="625" spans="1:1" ht="20.25" customHeight="1" x14ac:dyDescent="0.2">
      <c r="A625" s="50"/>
    </row>
    <row r="626" spans="1:1" ht="20.25" customHeight="1" x14ac:dyDescent="0.2">
      <c r="A626" s="50">
        <v>313</v>
      </c>
    </row>
    <row r="627" spans="1:1" ht="20.25" customHeight="1" x14ac:dyDescent="0.2">
      <c r="A627" s="50"/>
    </row>
    <row r="628" spans="1:1" ht="20.25" customHeight="1" x14ac:dyDescent="0.2">
      <c r="A628" s="50">
        <v>314</v>
      </c>
    </row>
    <row r="629" spans="1:1" ht="20.25" customHeight="1" x14ac:dyDescent="0.2">
      <c r="A629" s="50"/>
    </row>
    <row r="630" spans="1:1" ht="20.25" customHeight="1" x14ac:dyDescent="0.2">
      <c r="A630" s="50">
        <v>315</v>
      </c>
    </row>
    <row r="631" spans="1:1" ht="20.25" customHeight="1" x14ac:dyDescent="0.2">
      <c r="A631" s="50"/>
    </row>
    <row r="632" spans="1:1" ht="20.25" customHeight="1" x14ac:dyDescent="0.2">
      <c r="A632" s="50">
        <v>316</v>
      </c>
    </row>
    <row r="633" spans="1:1" ht="20.25" customHeight="1" x14ac:dyDescent="0.2">
      <c r="A633" s="50"/>
    </row>
    <row r="634" spans="1:1" ht="20.25" customHeight="1" x14ac:dyDescent="0.2">
      <c r="A634" s="50">
        <v>317</v>
      </c>
    </row>
    <row r="635" spans="1:1" ht="20.25" customHeight="1" x14ac:dyDescent="0.2">
      <c r="A635" s="50"/>
    </row>
    <row r="636" spans="1:1" ht="20.25" customHeight="1" x14ac:dyDescent="0.2">
      <c r="A636" s="50">
        <v>318</v>
      </c>
    </row>
    <row r="637" spans="1:1" ht="20.25" customHeight="1" x14ac:dyDescent="0.2">
      <c r="A637" s="50"/>
    </row>
    <row r="638" spans="1:1" ht="20.25" customHeight="1" x14ac:dyDescent="0.2">
      <c r="A638" s="50">
        <v>319</v>
      </c>
    </row>
    <row r="639" spans="1:1" ht="20.25" customHeight="1" x14ac:dyDescent="0.2">
      <c r="A639" s="50"/>
    </row>
    <row r="640" spans="1:1" ht="20.25" customHeight="1" x14ac:dyDescent="0.2">
      <c r="A640" s="50">
        <v>320</v>
      </c>
    </row>
    <row r="641" spans="1:1" ht="20.25" customHeight="1" x14ac:dyDescent="0.2">
      <c r="A641" s="50"/>
    </row>
    <row r="642" spans="1:1" ht="20.25" customHeight="1" x14ac:dyDescent="0.2">
      <c r="A642" s="50">
        <v>321</v>
      </c>
    </row>
    <row r="643" spans="1:1" ht="20.25" customHeight="1" x14ac:dyDescent="0.2">
      <c r="A643" s="50"/>
    </row>
    <row r="644" spans="1:1" ht="20.25" customHeight="1" x14ac:dyDescent="0.2">
      <c r="A644" s="50">
        <v>322</v>
      </c>
    </row>
    <row r="645" spans="1:1" ht="20.25" customHeight="1" x14ac:dyDescent="0.2">
      <c r="A645" s="50"/>
    </row>
    <row r="646" spans="1:1" ht="20.25" customHeight="1" x14ac:dyDescent="0.2">
      <c r="A646" s="50">
        <v>323</v>
      </c>
    </row>
    <row r="647" spans="1:1" ht="20.25" customHeight="1" x14ac:dyDescent="0.2">
      <c r="A647" s="50"/>
    </row>
    <row r="648" spans="1:1" ht="20.25" customHeight="1" x14ac:dyDescent="0.2">
      <c r="A648" s="50">
        <v>324</v>
      </c>
    </row>
    <row r="649" spans="1:1" ht="20.25" customHeight="1" x14ac:dyDescent="0.2">
      <c r="A649" s="50"/>
    </row>
    <row r="650" spans="1:1" ht="20.25" customHeight="1" x14ac:dyDescent="0.2">
      <c r="A650" s="50">
        <v>325</v>
      </c>
    </row>
    <row r="651" spans="1:1" ht="20.25" customHeight="1" x14ac:dyDescent="0.2">
      <c r="A651" s="50"/>
    </row>
    <row r="652" spans="1:1" ht="20.25" customHeight="1" x14ac:dyDescent="0.2">
      <c r="A652" s="50">
        <v>326</v>
      </c>
    </row>
    <row r="653" spans="1:1" ht="20.25" customHeight="1" x14ac:dyDescent="0.2">
      <c r="A653" s="50"/>
    </row>
    <row r="654" spans="1:1" ht="20.25" customHeight="1" x14ac:dyDescent="0.2">
      <c r="A654" s="50">
        <v>327</v>
      </c>
    </row>
    <row r="655" spans="1:1" ht="20.25" customHeight="1" x14ac:dyDescent="0.2">
      <c r="A655" s="50"/>
    </row>
    <row r="656" spans="1:1" ht="20.25" customHeight="1" x14ac:dyDescent="0.2">
      <c r="A656" s="50">
        <v>328</v>
      </c>
    </row>
    <row r="657" spans="1:1" ht="20.25" customHeight="1" x14ac:dyDescent="0.2">
      <c r="A657" s="50"/>
    </row>
    <row r="658" spans="1:1" ht="20.25" customHeight="1" x14ac:dyDescent="0.2">
      <c r="A658" s="50">
        <v>329</v>
      </c>
    </row>
    <row r="659" spans="1:1" ht="20.25" customHeight="1" x14ac:dyDescent="0.2">
      <c r="A659" s="50"/>
    </row>
    <row r="660" spans="1:1" ht="20.25" customHeight="1" x14ac:dyDescent="0.2">
      <c r="A660" s="50">
        <v>330</v>
      </c>
    </row>
    <row r="661" spans="1:1" ht="20.25" customHeight="1" x14ac:dyDescent="0.2">
      <c r="A661" s="50"/>
    </row>
    <row r="662" spans="1:1" ht="20.25" customHeight="1" x14ac:dyDescent="0.2">
      <c r="A662" s="50">
        <v>331</v>
      </c>
    </row>
    <row r="663" spans="1:1" ht="20.25" customHeight="1" x14ac:dyDescent="0.2">
      <c r="A663" s="50"/>
    </row>
    <row r="664" spans="1:1" ht="20.25" customHeight="1" x14ac:dyDescent="0.2">
      <c r="A664" s="50">
        <v>332</v>
      </c>
    </row>
    <row r="665" spans="1:1" ht="20.25" customHeight="1" x14ac:dyDescent="0.2">
      <c r="A665" s="50"/>
    </row>
    <row r="666" spans="1:1" ht="20.25" customHeight="1" x14ac:dyDescent="0.2">
      <c r="A666" s="50">
        <v>333</v>
      </c>
    </row>
    <row r="667" spans="1:1" ht="20.25" customHeight="1" x14ac:dyDescent="0.2">
      <c r="A667" s="50"/>
    </row>
    <row r="668" spans="1:1" ht="20.25" customHeight="1" x14ac:dyDescent="0.2">
      <c r="A668" s="50">
        <v>334</v>
      </c>
    </row>
    <row r="669" spans="1:1" ht="20.25" customHeight="1" x14ac:dyDescent="0.2">
      <c r="A669" s="50"/>
    </row>
    <row r="670" spans="1:1" ht="20.25" customHeight="1" x14ac:dyDescent="0.2">
      <c r="A670" s="50">
        <v>335</v>
      </c>
    </row>
    <row r="671" spans="1:1" ht="20.25" customHeight="1" x14ac:dyDescent="0.2">
      <c r="A671" s="50"/>
    </row>
    <row r="672" spans="1:1" ht="20.25" customHeight="1" x14ac:dyDescent="0.2">
      <c r="A672" s="50">
        <v>336</v>
      </c>
    </row>
    <row r="673" spans="1:1" ht="20.25" customHeight="1" x14ac:dyDescent="0.2">
      <c r="A673" s="50"/>
    </row>
    <row r="674" spans="1:1" ht="20.25" customHeight="1" x14ac:dyDescent="0.2">
      <c r="A674" s="50">
        <v>337</v>
      </c>
    </row>
    <row r="675" spans="1:1" ht="20.25" customHeight="1" x14ac:dyDescent="0.2">
      <c r="A675" s="50"/>
    </row>
    <row r="676" spans="1:1" ht="20.25" customHeight="1" x14ac:dyDescent="0.2">
      <c r="A676" s="50">
        <v>338</v>
      </c>
    </row>
    <row r="677" spans="1:1" ht="20.25" customHeight="1" x14ac:dyDescent="0.2">
      <c r="A677" s="50"/>
    </row>
    <row r="678" spans="1:1" ht="20.25" customHeight="1" x14ac:dyDescent="0.2">
      <c r="A678" s="50">
        <v>339</v>
      </c>
    </row>
    <row r="679" spans="1:1" ht="20.25" customHeight="1" x14ac:dyDescent="0.2">
      <c r="A679" s="50"/>
    </row>
    <row r="680" spans="1:1" ht="20.25" customHeight="1" x14ac:dyDescent="0.2">
      <c r="A680" s="50">
        <v>340</v>
      </c>
    </row>
    <row r="681" spans="1:1" ht="20.25" customHeight="1" x14ac:dyDescent="0.2">
      <c r="A681" s="50"/>
    </row>
    <row r="682" spans="1:1" ht="20.25" customHeight="1" x14ac:dyDescent="0.2">
      <c r="A682" s="50">
        <v>341</v>
      </c>
    </row>
    <row r="683" spans="1:1" ht="20.25" customHeight="1" x14ac:dyDescent="0.2">
      <c r="A683" s="50"/>
    </row>
    <row r="684" spans="1:1" ht="20.25" customHeight="1" x14ac:dyDescent="0.2">
      <c r="A684" s="50">
        <v>342</v>
      </c>
    </row>
    <row r="685" spans="1:1" ht="20.25" customHeight="1" x14ac:dyDescent="0.2">
      <c r="A685" s="50"/>
    </row>
    <row r="686" spans="1:1" ht="20.25" customHeight="1" x14ac:dyDescent="0.2">
      <c r="A686" s="50">
        <v>343</v>
      </c>
    </row>
    <row r="687" spans="1:1" ht="20.25" customHeight="1" x14ac:dyDescent="0.2">
      <c r="A687" s="50"/>
    </row>
    <row r="688" spans="1:1" ht="20.25" customHeight="1" x14ac:dyDescent="0.2">
      <c r="A688" s="50">
        <v>344</v>
      </c>
    </row>
    <row r="689" spans="1:1" ht="20.25" customHeight="1" x14ac:dyDescent="0.2">
      <c r="A689" s="50"/>
    </row>
    <row r="690" spans="1:1" ht="20.25" customHeight="1" x14ac:dyDescent="0.2">
      <c r="A690" s="50">
        <v>345</v>
      </c>
    </row>
    <row r="691" spans="1:1" ht="20.25" customHeight="1" x14ac:dyDescent="0.2">
      <c r="A691" s="50"/>
    </row>
    <row r="692" spans="1:1" ht="20.25" customHeight="1" x14ac:dyDescent="0.2">
      <c r="A692" s="50">
        <v>346</v>
      </c>
    </row>
    <row r="693" spans="1:1" ht="20.25" customHeight="1" x14ac:dyDescent="0.2">
      <c r="A693" s="50"/>
    </row>
    <row r="694" spans="1:1" ht="20.25" customHeight="1" x14ac:dyDescent="0.2">
      <c r="A694" s="50">
        <v>347</v>
      </c>
    </row>
    <row r="695" spans="1:1" ht="20.25" customHeight="1" x14ac:dyDescent="0.2">
      <c r="A695" s="50"/>
    </row>
    <row r="696" spans="1:1" ht="20.25" customHeight="1" x14ac:dyDescent="0.2">
      <c r="A696" s="50">
        <v>348</v>
      </c>
    </row>
    <row r="697" spans="1:1" ht="20.25" customHeight="1" x14ac:dyDescent="0.2">
      <c r="A697" s="50"/>
    </row>
    <row r="698" spans="1:1" ht="20.25" customHeight="1" x14ac:dyDescent="0.2">
      <c r="A698" s="50">
        <v>349</v>
      </c>
    </row>
    <row r="699" spans="1:1" ht="20.25" customHeight="1" x14ac:dyDescent="0.2">
      <c r="A699" s="50"/>
    </row>
    <row r="700" spans="1:1" ht="20.25" customHeight="1" x14ac:dyDescent="0.2">
      <c r="A700" s="50">
        <v>350</v>
      </c>
    </row>
    <row r="701" spans="1:1" ht="20.25" customHeight="1" x14ac:dyDescent="0.2">
      <c r="A701" s="50"/>
    </row>
    <row r="702" spans="1:1" ht="20.25" customHeight="1" x14ac:dyDescent="0.2">
      <c r="A702" s="50">
        <v>351</v>
      </c>
    </row>
    <row r="703" spans="1:1" ht="20.25" customHeight="1" x14ac:dyDescent="0.2">
      <c r="A703" s="50"/>
    </row>
    <row r="704" spans="1:1" ht="20.25" customHeight="1" x14ac:dyDescent="0.2">
      <c r="A704" s="50">
        <v>352</v>
      </c>
    </row>
    <row r="705" spans="1:1" ht="20.25" customHeight="1" x14ac:dyDescent="0.2">
      <c r="A705" s="50"/>
    </row>
    <row r="706" spans="1:1" ht="20.25" customHeight="1" x14ac:dyDescent="0.2">
      <c r="A706" s="50">
        <v>353</v>
      </c>
    </row>
    <row r="707" spans="1:1" ht="20.25" customHeight="1" x14ac:dyDescent="0.2">
      <c r="A707" s="50"/>
    </row>
    <row r="708" spans="1:1" ht="20.25" customHeight="1" x14ac:dyDescent="0.2">
      <c r="A708" s="50">
        <v>354</v>
      </c>
    </row>
    <row r="709" spans="1:1" ht="20.25" customHeight="1" x14ac:dyDescent="0.2">
      <c r="A709" s="50"/>
    </row>
    <row r="710" spans="1:1" ht="20.25" customHeight="1" x14ac:dyDescent="0.2">
      <c r="A710" s="50">
        <v>355</v>
      </c>
    </row>
    <row r="711" spans="1:1" ht="20.25" customHeight="1" x14ac:dyDescent="0.2">
      <c r="A711" s="50"/>
    </row>
    <row r="712" spans="1:1" ht="20.25" customHeight="1" x14ac:dyDescent="0.2">
      <c r="A712" s="50">
        <v>356</v>
      </c>
    </row>
    <row r="713" spans="1:1" ht="20.25" customHeight="1" x14ac:dyDescent="0.2">
      <c r="A713" s="50"/>
    </row>
    <row r="714" spans="1:1" ht="20.25" customHeight="1" x14ac:dyDescent="0.2">
      <c r="A714" s="50">
        <v>357</v>
      </c>
    </row>
    <row r="715" spans="1:1" ht="20.25" customHeight="1" x14ac:dyDescent="0.2">
      <c r="A715" s="50"/>
    </row>
    <row r="716" spans="1:1" ht="20.25" customHeight="1" x14ac:dyDescent="0.2">
      <c r="A716" s="50">
        <v>358</v>
      </c>
    </row>
    <row r="717" spans="1:1" ht="20.25" customHeight="1" x14ac:dyDescent="0.2">
      <c r="A717" s="50"/>
    </row>
    <row r="718" spans="1:1" ht="20.25" customHeight="1" x14ac:dyDescent="0.2">
      <c r="A718" s="50">
        <v>359</v>
      </c>
    </row>
    <row r="719" spans="1:1" ht="20.25" customHeight="1" x14ac:dyDescent="0.2">
      <c r="A719" s="50"/>
    </row>
    <row r="720" spans="1:1" ht="20.25" customHeight="1" x14ac:dyDescent="0.2">
      <c r="A720" s="50">
        <v>360</v>
      </c>
    </row>
    <row r="721" spans="1:1" ht="20.25" customHeight="1" x14ac:dyDescent="0.2">
      <c r="A721" s="50"/>
    </row>
    <row r="722" spans="1:1" ht="20.25" customHeight="1" x14ac:dyDescent="0.2">
      <c r="A722" s="50">
        <v>361</v>
      </c>
    </row>
    <row r="723" spans="1:1" ht="20.25" customHeight="1" x14ac:dyDescent="0.2">
      <c r="A723" s="50"/>
    </row>
    <row r="724" spans="1:1" ht="20.25" customHeight="1" x14ac:dyDescent="0.2">
      <c r="A724" s="50">
        <v>362</v>
      </c>
    </row>
    <row r="725" spans="1:1" ht="20.25" customHeight="1" x14ac:dyDescent="0.2">
      <c r="A725" s="50"/>
    </row>
    <row r="726" spans="1:1" ht="20.25" customHeight="1" x14ac:dyDescent="0.2">
      <c r="A726" s="50">
        <v>363</v>
      </c>
    </row>
    <row r="727" spans="1:1" ht="20.25" customHeight="1" x14ac:dyDescent="0.2">
      <c r="A727" s="50"/>
    </row>
    <row r="728" spans="1:1" ht="20.25" customHeight="1" x14ac:dyDescent="0.2">
      <c r="A728" s="50">
        <v>364</v>
      </c>
    </row>
    <row r="729" spans="1:1" ht="20.25" customHeight="1" x14ac:dyDescent="0.2">
      <c r="A729" s="50"/>
    </row>
    <row r="730" spans="1:1" ht="20.25" customHeight="1" x14ac:dyDescent="0.2">
      <c r="A730" s="50">
        <v>365</v>
      </c>
    </row>
    <row r="731" spans="1:1" ht="20.25" customHeight="1" x14ac:dyDescent="0.2">
      <c r="A731" s="50"/>
    </row>
    <row r="732" spans="1:1" ht="20.25" customHeight="1" x14ac:dyDescent="0.2">
      <c r="A732" s="50">
        <v>366</v>
      </c>
    </row>
    <row r="733" spans="1:1" ht="20.25" customHeight="1" x14ac:dyDescent="0.2">
      <c r="A733" s="50"/>
    </row>
    <row r="734" spans="1:1" ht="20.25" customHeight="1" x14ac:dyDescent="0.2">
      <c r="A734" s="50">
        <v>367</v>
      </c>
    </row>
    <row r="735" spans="1:1" ht="20.25" customHeight="1" x14ac:dyDescent="0.2">
      <c r="A735" s="50"/>
    </row>
    <row r="736" spans="1:1" ht="20.25" customHeight="1" x14ac:dyDescent="0.2">
      <c r="A736" s="50">
        <v>368</v>
      </c>
    </row>
    <row r="737" spans="1:1" ht="20.25" customHeight="1" x14ac:dyDescent="0.2">
      <c r="A737" s="50"/>
    </row>
    <row r="738" spans="1:1" ht="20.25" customHeight="1" x14ac:dyDescent="0.2">
      <c r="A738" s="50">
        <v>369</v>
      </c>
    </row>
    <row r="739" spans="1:1" ht="20.25" customHeight="1" x14ac:dyDescent="0.2">
      <c r="A739" s="50"/>
    </row>
    <row r="740" spans="1:1" ht="20.25" customHeight="1" x14ac:dyDescent="0.2">
      <c r="A740" s="50">
        <v>370</v>
      </c>
    </row>
    <row r="741" spans="1:1" ht="20.25" customHeight="1" x14ac:dyDescent="0.2">
      <c r="A741" s="50"/>
    </row>
    <row r="742" spans="1:1" ht="20.25" customHeight="1" x14ac:dyDescent="0.2">
      <c r="A742" s="50">
        <v>371</v>
      </c>
    </row>
    <row r="743" spans="1:1" ht="20.25" customHeight="1" x14ac:dyDescent="0.2">
      <c r="A743" s="50"/>
    </row>
    <row r="744" spans="1:1" ht="20.25" customHeight="1" x14ac:dyDescent="0.2">
      <c r="A744" s="50">
        <v>372</v>
      </c>
    </row>
    <row r="745" spans="1:1" ht="20.25" customHeight="1" x14ac:dyDescent="0.2">
      <c r="A745" s="50"/>
    </row>
    <row r="746" spans="1:1" ht="20.25" customHeight="1" x14ac:dyDescent="0.2">
      <c r="A746" s="50">
        <v>373</v>
      </c>
    </row>
    <row r="747" spans="1:1" ht="20.25" customHeight="1" x14ac:dyDescent="0.2">
      <c r="A747" s="50"/>
    </row>
    <row r="748" spans="1:1" ht="20.25" customHeight="1" x14ac:dyDescent="0.2">
      <c r="A748" s="50">
        <v>374</v>
      </c>
    </row>
    <row r="749" spans="1:1" ht="20.25" customHeight="1" x14ac:dyDescent="0.2">
      <c r="A749" s="50"/>
    </row>
    <row r="750" spans="1:1" ht="20.25" customHeight="1" x14ac:dyDescent="0.2">
      <c r="A750" s="50">
        <v>375</v>
      </c>
    </row>
    <row r="751" spans="1:1" ht="20.25" customHeight="1" x14ac:dyDescent="0.2">
      <c r="A751" s="50"/>
    </row>
    <row r="752" spans="1:1" ht="20.25" customHeight="1" x14ac:dyDescent="0.2">
      <c r="A752" s="50">
        <v>376</v>
      </c>
    </row>
    <row r="753" spans="1:1" ht="20.25" customHeight="1" x14ac:dyDescent="0.2">
      <c r="A753" s="50"/>
    </row>
    <row r="754" spans="1:1" ht="20.25" customHeight="1" x14ac:dyDescent="0.2">
      <c r="A754" s="50">
        <v>377</v>
      </c>
    </row>
    <row r="755" spans="1:1" ht="20.25" customHeight="1" x14ac:dyDescent="0.2">
      <c r="A755" s="50"/>
    </row>
    <row r="756" spans="1:1" ht="20.25" customHeight="1" x14ac:dyDescent="0.2">
      <c r="A756" s="50">
        <v>378</v>
      </c>
    </row>
    <row r="757" spans="1:1" ht="20.25" customHeight="1" x14ac:dyDescent="0.2">
      <c r="A757" s="50"/>
    </row>
    <row r="758" spans="1:1" ht="20.25" customHeight="1" x14ac:dyDescent="0.2">
      <c r="A758" s="50">
        <v>379</v>
      </c>
    </row>
    <row r="759" spans="1:1" ht="20.25" customHeight="1" x14ac:dyDescent="0.2">
      <c r="A759" s="50"/>
    </row>
    <row r="760" spans="1:1" ht="20.25" customHeight="1" x14ac:dyDescent="0.2">
      <c r="A760" s="50">
        <v>380</v>
      </c>
    </row>
    <row r="761" spans="1:1" ht="20.25" customHeight="1" x14ac:dyDescent="0.2">
      <c r="A761" s="50"/>
    </row>
    <row r="762" spans="1:1" ht="20.25" customHeight="1" x14ac:dyDescent="0.2">
      <c r="A762" s="50">
        <v>381</v>
      </c>
    </row>
    <row r="763" spans="1:1" ht="20.25" customHeight="1" x14ac:dyDescent="0.2">
      <c r="A763" s="50"/>
    </row>
    <row r="764" spans="1:1" ht="20.25" customHeight="1" x14ac:dyDescent="0.2">
      <c r="A764" s="50">
        <v>382</v>
      </c>
    </row>
    <row r="765" spans="1:1" ht="20.25" customHeight="1" x14ac:dyDescent="0.2">
      <c r="A765" s="50"/>
    </row>
    <row r="766" spans="1:1" ht="20.25" customHeight="1" x14ac:dyDescent="0.2">
      <c r="A766" s="50">
        <v>383</v>
      </c>
    </row>
    <row r="767" spans="1:1" ht="20.25" customHeight="1" x14ac:dyDescent="0.2">
      <c r="A767" s="50"/>
    </row>
    <row r="768" spans="1:1" ht="20.25" customHeight="1" x14ac:dyDescent="0.2">
      <c r="A768" s="50">
        <v>384</v>
      </c>
    </row>
    <row r="769" spans="1:1" ht="20.25" customHeight="1" x14ac:dyDescent="0.2">
      <c r="A769" s="50"/>
    </row>
    <row r="770" spans="1:1" ht="20.25" customHeight="1" x14ac:dyDescent="0.2">
      <c r="A770" s="50">
        <v>385</v>
      </c>
    </row>
    <row r="771" spans="1:1" ht="20.25" customHeight="1" x14ac:dyDescent="0.2">
      <c r="A771" s="50"/>
    </row>
    <row r="772" spans="1:1" ht="20.25" customHeight="1" x14ac:dyDescent="0.2">
      <c r="A772" s="50">
        <v>386</v>
      </c>
    </row>
    <row r="773" spans="1:1" ht="20.25" customHeight="1" x14ac:dyDescent="0.2">
      <c r="A773" s="50"/>
    </row>
    <row r="774" spans="1:1" ht="20.25" customHeight="1" x14ac:dyDescent="0.2">
      <c r="A774" s="50">
        <v>387</v>
      </c>
    </row>
    <row r="775" spans="1:1" ht="20.25" customHeight="1" x14ac:dyDescent="0.2">
      <c r="A775" s="50"/>
    </row>
    <row r="776" spans="1:1" ht="20.25" customHeight="1" x14ac:dyDescent="0.2">
      <c r="A776" s="50">
        <v>388</v>
      </c>
    </row>
    <row r="777" spans="1:1" ht="20.25" customHeight="1" x14ac:dyDescent="0.2">
      <c r="A777" s="50"/>
    </row>
    <row r="778" spans="1:1" ht="20.25" customHeight="1" x14ac:dyDescent="0.2">
      <c r="A778" s="50">
        <v>389</v>
      </c>
    </row>
    <row r="779" spans="1:1" ht="20.25" customHeight="1" x14ac:dyDescent="0.2">
      <c r="A779" s="50"/>
    </row>
    <row r="780" spans="1:1" ht="20.25" customHeight="1" x14ac:dyDescent="0.2">
      <c r="A780" s="50">
        <v>390</v>
      </c>
    </row>
    <row r="781" spans="1:1" ht="20.25" customHeight="1" x14ac:dyDescent="0.2">
      <c r="A781" s="50"/>
    </row>
    <row r="782" spans="1:1" ht="20.25" customHeight="1" x14ac:dyDescent="0.2">
      <c r="A782" s="50">
        <v>391</v>
      </c>
    </row>
    <row r="783" spans="1:1" ht="20.25" customHeight="1" x14ac:dyDescent="0.2">
      <c r="A783" s="50"/>
    </row>
    <row r="784" spans="1:1" ht="20.25" customHeight="1" x14ac:dyDescent="0.2">
      <c r="A784" s="50">
        <v>392</v>
      </c>
    </row>
    <row r="785" spans="1:1" ht="20.25" customHeight="1" x14ac:dyDescent="0.2">
      <c r="A785" s="50"/>
    </row>
    <row r="786" spans="1:1" ht="20.25" customHeight="1" x14ac:dyDescent="0.2">
      <c r="A786" s="50">
        <v>393</v>
      </c>
    </row>
    <row r="787" spans="1:1" ht="20.25" customHeight="1" x14ac:dyDescent="0.2">
      <c r="A787" s="50"/>
    </row>
    <row r="788" spans="1:1" ht="20.25" customHeight="1" x14ac:dyDescent="0.2">
      <c r="A788" s="50">
        <v>394</v>
      </c>
    </row>
    <row r="789" spans="1:1" ht="20.25" customHeight="1" x14ac:dyDescent="0.2">
      <c r="A789" s="50"/>
    </row>
    <row r="790" spans="1:1" ht="20.25" customHeight="1" x14ac:dyDescent="0.2">
      <c r="A790" s="50">
        <v>395</v>
      </c>
    </row>
    <row r="791" spans="1:1" ht="20.25" customHeight="1" x14ac:dyDescent="0.2">
      <c r="A791" s="50"/>
    </row>
    <row r="792" spans="1:1" ht="20.25" customHeight="1" x14ac:dyDescent="0.2">
      <c r="A792" s="50">
        <v>396</v>
      </c>
    </row>
    <row r="793" spans="1:1" ht="20.25" customHeight="1" x14ac:dyDescent="0.2">
      <c r="A793" s="50"/>
    </row>
    <row r="794" spans="1:1" ht="20.25" customHeight="1" x14ac:dyDescent="0.2">
      <c r="A794" s="50">
        <v>397</v>
      </c>
    </row>
    <row r="795" spans="1:1" ht="20.25" customHeight="1" x14ac:dyDescent="0.2">
      <c r="A795" s="50"/>
    </row>
    <row r="796" spans="1:1" ht="20.25" customHeight="1" x14ac:dyDescent="0.2">
      <c r="A796" s="50">
        <v>398</v>
      </c>
    </row>
    <row r="797" spans="1:1" ht="20.25" customHeight="1" x14ac:dyDescent="0.2">
      <c r="A797" s="50"/>
    </row>
    <row r="798" spans="1:1" ht="20.25" customHeight="1" x14ac:dyDescent="0.2">
      <c r="A798" s="50">
        <v>399</v>
      </c>
    </row>
    <row r="799" spans="1:1" ht="20.25" customHeight="1" x14ac:dyDescent="0.2">
      <c r="A799" s="50"/>
    </row>
    <row r="800" spans="1:1" ht="20.25" customHeight="1" x14ac:dyDescent="0.2">
      <c r="A800" s="50">
        <v>400</v>
      </c>
    </row>
    <row r="801" spans="1:1" ht="20.25" customHeight="1" x14ac:dyDescent="0.2">
      <c r="A801" s="50"/>
    </row>
    <row r="802" spans="1:1" ht="20.25" customHeight="1" x14ac:dyDescent="0.2">
      <c r="A802" s="50">
        <v>401</v>
      </c>
    </row>
    <row r="803" spans="1:1" ht="20.25" customHeight="1" x14ac:dyDescent="0.2">
      <c r="A803" s="50"/>
    </row>
    <row r="804" spans="1:1" ht="20.25" customHeight="1" x14ac:dyDescent="0.2">
      <c r="A804" s="50">
        <v>402</v>
      </c>
    </row>
    <row r="805" spans="1:1" ht="20.25" customHeight="1" x14ac:dyDescent="0.2">
      <c r="A805" s="50"/>
    </row>
    <row r="806" spans="1:1" ht="20.25" customHeight="1" x14ac:dyDescent="0.2">
      <c r="A806" s="50">
        <v>403</v>
      </c>
    </row>
    <row r="807" spans="1:1" ht="20.25" customHeight="1" x14ac:dyDescent="0.2">
      <c r="A807" s="50"/>
    </row>
    <row r="808" spans="1:1" ht="20.25" customHeight="1" x14ac:dyDescent="0.2">
      <c r="A808" s="50">
        <v>404</v>
      </c>
    </row>
    <row r="809" spans="1:1" ht="20.25" customHeight="1" x14ac:dyDescent="0.2">
      <c r="A809" s="50"/>
    </row>
    <row r="810" spans="1:1" ht="20.25" customHeight="1" x14ac:dyDescent="0.2">
      <c r="A810" s="50">
        <v>405</v>
      </c>
    </row>
    <row r="811" spans="1:1" ht="20.25" customHeight="1" x14ac:dyDescent="0.2">
      <c r="A811" s="50"/>
    </row>
    <row r="812" spans="1:1" ht="20.25" customHeight="1" x14ac:dyDescent="0.2">
      <c r="A812" s="50">
        <v>406</v>
      </c>
    </row>
    <row r="813" spans="1:1" ht="20.25" customHeight="1" x14ac:dyDescent="0.2">
      <c r="A813" s="50"/>
    </row>
    <row r="814" spans="1:1" ht="20.25" customHeight="1" x14ac:dyDescent="0.2">
      <c r="A814" s="50">
        <v>407</v>
      </c>
    </row>
    <row r="815" spans="1:1" ht="20.25" customHeight="1" x14ac:dyDescent="0.2">
      <c r="A815" s="50"/>
    </row>
    <row r="816" spans="1:1" ht="20.25" customHeight="1" x14ac:dyDescent="0.2">
      <c r="A816" s="50">
        <v>408</v>
      </c>
    </row>
    <row r="817" spans="1:1" ht="20.25" customHeight="1" x14ac:dyDescent="0.2">
      <c r="A817" s="50"/>
    </row>
    <row r="818" spans="1:1" ht="20.25" customHeight="1" x14ac:dyDescent="0.2">
      <c r="A818" s="50">
        <v>409</v>
      </c>
    </row>
    <row r="819" spans="1:1" ht="20.25" customHeight="1" x14ac:dyDescent="0.2">
      <c r="A819" s="50"/>
    </row>
    <row r="820" spans="1:1" ht="20.25" customHeight="1" x14ac:dyDescent="0.2">
      <c r="A820" s="50">
        <v>410</v>
      </c>
    </row>
    <row r="821" spans="1:1" ht="20.25" customHeight="1" x14ac:dyDescent="0.2">
      <c r="A821" s="50"/>
    </row>
    <row r="822" spans="1:1" ht="20.25" customHeight="1" x14ac:dyDescent="0.2">
      <c r="A822" s="50">
        <v>411</v>
      </c>
    </row>
    <row r="823" spans="1:1" ht="20.25" customHeight="1" x14ac:dyDescent="0.2">
      <c r="A823" s="50"/>
    </row>
    <row r="824" spans="1:1" ht="20.25" customHeight="1" x14ac:dyDescent="0.2">
      <c r="A824" s="50">
        <v>412</v>
      </c>
    </row>
    <row r="825" spans="1:1" ht="20.25" customHeight="1" x14ac:dyDescent="0.2">
      <c r="A825" s="50"/>
    </row>
    <row r="826" spans="1:1" ht="20.25" customHeight="1" x14ac:dyDescent="0.2">
      <c r="A826" s="50">
        <v>413</v>
      </c>
    </row>
    <row r="827" spans="1:1" ht="20.25" customHeight="1" x14ac:dyDescent="0.2">
      <c r="A827" s="50"/>
    </row>
    <row r="828" spans="1:1" ht="20.25" customHeight="1" x14ac:dyDescent="0.2">
      <c r="A828" s="50">
        <v>414</v>
      </c>
    </row>
    <row r="829" spans="1:1" ht="20.25" customHeight="1" x14ac:dyDescent="0.2">
      <c r="A829" s="50"/>
    </row>
    <row r="830" spans="1:1" ht="20.25" customHeight="1" x14ac:dyDescent="0.2">
      <c r="A830" s="50">
        <v>415</v>
      </c>
    </row>
    <row r="831" spans="1:1" ht="20.25" customHeight="1" x14ac:dyDescent="0.2">
      <c r="A831" s="50"/>
    </row>
    <row r="832" spans="1:1" ht="20.25" customHeight="1" x14ac:dyDescent="0.2">
      <c r="A832" s="50">
        <v>416</v>
      </c>
    </row>
    <row r="833" spans="1:1" ht="20.25" customHeight="1" x14ac:dyDescent="0.2">
      <c r="A833" s="50"/>
    </row>
    <row r="834" spans="1:1" ht="20.25" customHeight="1" x14ac:dyDescent="0.2">
      <c r="A834" s="50">
        <v>417</v>
      </c>
    </row>
    <row r="835" spans="1:1" ht="20.25" customHeight="1" x14ac:dyDescent="0.2">
      <c r="A835" s="50"/>
    </row>
    <row r="836" spans="1:1" ht="20.25" customHeight="1" x14ac:dyDescent="0.2">
      <c r="A836" s="50">
        <v>418</v>
      </c>
    </row>
    <row r="837" spans="1:1" ht="20.25" customHeight="1" x14ac:dyDescent="0.2">
      <c r="A837" s="50"/>
    </row>
    <row r="838" spans="1:1" ht="20.25" customHeight="1" x14ac:dyDescent="0.2">
      <c r="A838" s="50">
        <v>419</v>
      </c>
    </row>
    <row r="839" spans="1:1" ht="20.25" customHeight="1" x14ac:dyDescent="0.2">
      <c r="A839" s="50"/>
    </row>
    <row r="840" spans="1:1" ht="20.25" customHeight="1" x14ac:dyDescent="0.2">
      <c r="A840" s="50">
        <v>420</v>
      </c>
    </row>
    <row r="841" spans="1:1" ht="20.25" customHeight="1" x14ac:dyDescent="0.2">
      <c r="A841" s="50"/>
    </row>
    <row r="842" spans="1:1" ht="20.25" customHeight="1" x14ac:dyDescent="0.2">
      <c r="A842" s="50">
        <v>421</v>
      </c>
    </row>
    <row r="843" spans="1:1" ht="20.25" customHeight="1" x14ac:dyDescent="0.2">
      <c r="A843" s="50"/>
    </row>
    <row r="844" spans="1:1" ht="20.25" customHeight="1" x14ac:dyDescent="0.2">
      <c r="A844" s="50">
        <v>422</v>
      </c>
    </row>
    <row r="845" spans="1:1" ht="20.25" customHeight="1" x14ac:dyDescent="0.2">
      <c r="A845" s="50"/>
    </row>
    <row r="846" spans="1:1" ht="20.25" customHeight="1" x14ac:dyDescent="0.2">
      <c r="A846" s="50">
        <v>423</v>
      </c>
    </row>
    <row r="847" spans="1:1" ht="20.25" customHeight="1" x14ac:dyDescent="0.2">
      <c r="A847" s="50"/>
    </row>
    <row r="848" spans="1:1" ht="20.25" customHeight="1" x14ac:dyDescent="0.2">
      <c r="A848" s="50">
        <v>424</v>
      </c>
    </row>
    <row r="849" spans="1:1" ht="20.25" customHeight="1" x14ac:dyDescent="0.2">
      <c r="A849" s="50"/>
    </row>
    <row r="850" spans="1:1" ht="20.25" customHeight="1" x14ac:dyDescent="0.2">
      <c r="A850" s="50">
        <v>425</v>
      </c>
    </row>
    <row r="851" spans="1:1" ht="20.25" customHeight="1" x14ac:dyDescent="0.2">
      <c r="A851" s="50"/>
    </row>
    <row r="852" spans="1:1" ht="20.25" customHeight="1" x14ac:dyDescent="0.2">
      <c r="A852" s="50">
        <v>426</v>
      </c>
    </row>
    <row r="853" spans="1:1" ht="20.25" customHeight="1" x14ac:dyDescent="0.2">
      <c r="A853" s="50"/>
    </row>
    <row r="854" spans="1:1" ht="20.25" customHeight="1" x14ac:dyDescent="0.2">
      <c r="A854" s="50">
        <v>427</v>
      </c>
    </row>
    <row r="855" spans="1:1" ht="20.25" customHeight="1" x14ac:dyDescent="0.2">
      <c r="A855" s="50"/>
    </row>
    <row r="856" spans="1:1" ht="20.25" customHeight="1" x14ac:dyDescent="0.2">
      <c r="A856" s="50">
        <v>428</v>
      </c>
    </row>
    <row r="857" spans="1:1" ht="20.25" customHeight="1" x14ac:dyDescent="0.2">
      <c r="A857" s="50"/>
    </row>
    <row r="858" spans="1:1" ht="20.25" customHeight="1" x14ac:dyDescent="0.2">
      <c r="A858" s="50">
        <v>429</v>
      </c>
    </row>
    <row r="859" spans="1:1" ht="20.25" customHeight="1" x14ac:dyDescent="0.2">
      <c r="A859" s="50"/>
    </row>
    <row r="860" spans="1:1" ht="20.25" customHeight="1" x14ac:dyDescent="0.2">
      <c r="A860" s="50">
        <v>430</v>
      </c>
    </row>
    <row r="861" spans="1:1" ht="20.25" customHeight="1" x14ac:dyDescent="0.2">
      <c r="A861" s="50"/>
    </row>
    <row r="862" spans="1:1" ht="20.25" customHeight="1" x14ac:dyDescent="0.2">
      <c r="A862" s="50">
        <v>431</v>
      </c>
    </row>
    <row r="863" spans="1:1" ht="20.25" customHeight="1" x14ac:dyDescent="0.2">
      <c r="A863" s="50"/>
    </row>
    <row r="864" spans="1:1" ht="20.25" customHeight="1" x14ac:dyDescent="0.2">
      <c r="A864" s="50">
        <v>432</v>
      </c>
    </row>
    <row r="865" spans="1:1" ht="20.25" customHeight="1" x14ac:dyDescent="0.2">
      <c r="A865" s="50"/>
    </row>
    <row r="866" spans="1:1" ht="20.25" customHeight="1" x14ac:dyDescent="0.2">
      <c r="A866" s="50">
        <v>433</v>
      </c>
    </row>
    <row r="867" spans="1:1" ht="20.25" customHeight="1" x14ac:dyDescent="0.2">
      <c r="A867" s="50"/>
    </row>
    <row r="868" spans="1:1" ht="20.25" customHeight="1" x14ac:dyDescent="0.2">
      <c r="A868" s="50">
        <v>434</v>
      </c>
    </row>
    <row r="869" spans="1:1" ht="20.25" customHeight="1" x14ac:dyDescent="0.2">
      <c r="A869" s="50"/>
    </row>
    <row r="870" spans="1:1" ht="20.25" customHeight="1" x14ac:dyDescent="0.2">
      <c r="A870" s="50">
        <v>435</v>
      </c>
    </row>
    <row r="871" spans="1:1" ht="20.25" customHeight="1" x14ac:dyDescent="0.2">
      <c r="A871" s="50"/>
    </row>
    <row r="872" spans="1:1" ht="20.25" customHeight="1" x14ac:dyDescent="0.2">
      <c r="A872" s="50">
        <v>436</v>
      </c>
    </row>
    <row r="873" spans="1:1" ht="20.25" customHeight="1" x14ac:dyDescent="0.2">
      <c r="A873" s="50"/>
    </row>
    <row r="874" spans="1:1" ht="20.25" customHeight="1" x14ac:dyDescent="0.2">
      <c r="A874" s="50">
        <v>437</v>
      </c>
    </row>
    <row r="875" spans="1:1" ht="20.25" customHeight="1" x14ac:dyDescent="0.2">
      <c r="A875" s="50"/>
    </row>
    <row r="876" spans="1:1" ht="20.25" customHeight="1" x14ac:dyDescent="0.2">
      <c r="A876" s="50">
        <v>438</v>
      </c>
    </row>
    <row r="877" spans="1:1" ht="20.25" customHeight="1" x14ac:dyDescent="0.2">
      <c r="A877" s="50"/>
    </row>
    <row r="878" spans="1:1" ht="20.25" customHeight="1" x14ac:dyDescent="0.2">
      <c r="A878" s="50">
        <v>439</v>
      </c>
    </row>
    <row r="879" spans="1:1" ht="20.25" customHeight="1" x14ac:dyDescent="0.2">
      <c r="A879" s="50"/>
    </row>
    <row r="880" spans="1:1" ht="20.25" customHeight="1" x14ac:dyDescent="0.2">
      <c r="A880" s="50">
        <v>440</v>
      </c>
    </row>
    <row r="881" spans="1:1" ht="20.25" customHeight="1" x14ac:dyDescent="0.2">
      <c r="A881" s="50"/>
    </row>
    <row r="882" spans="1:1" ht="20.25" customHeight="1" x14ac:dyDescent="0.2">
      <c r="A882" s="50">
        <v>441</v>
      </c>
    </row>
    <row r="883" spans="1:1" ht="20.25" customHeight="1" x14ac:dyDescent="0.2">
      <c r="A883" s="50"/>
    </row>
    <row r="884" spans="1:1" ht="20.25" customHeight="1" x14ac:dyDescent="0.2">
      <c r="A884" s="50">
        <v>442</v>
      </c>
    </row>
    <row r="885" spans="1:1" ht="20.25" customHeight="1" x14ac:dyDescent="0.2">
      <c r="A885" s="50"/>
    </row>
    <row r="886" spans="1:1" ht="20.25" customHeight="1" x14ac:dyDescent="0.2">
      <c r="A886" s="50">
        <v>443</v>
      </c>
    </row>
    <row r="887" spans="1:1" ht="20.25" customHeight="1" x14ac:dyDescent="0.2">
      <c r="A887" s="50"/>
    </row>
    <row r="888" spans="1:1" ht="20.25" customHeight="1" x14ac:dyDescent="0.2">
      <c r="A888" s="50">
        <v>444</v>
      </c>
    </row>
    <row r="889" spans="1:1" ht="20.25" customHeight="1" x14ac:dyDescent="0.2">
      <c r="A889" s="50"/>
    </row>
    <row r="890" spans="1:1" ht="20.25" customHeight="1" x14ac:dyDescent="0.2">
      <c r="A890" s="50">
        <v>445</v>
      </c>
    </row>
    <row r="891" spans="1:1" ht="20.25" customHeight="1" x14ac:dyDescent="0.2">
      <c r="A891" s="50"/>
    </row>
    <row r="892" spans="1:1" ht="20.25" customHeight="1" x14ac:dyDescent="0.2">
      <c r="A892" s="50">
        <v>446</v>
      </c>
    </row>
    <row r="893" spans="1:1" ht="20.25" customHeight="1" x14ac:dyDescent="0.2">
      <c r="A893" s="50"/>
    </row>
    <row r="894" spans="1:1" ht="20.25" customHeight="1" x14ac:dyDescent="0.2">
      <c r="A894" s="50">
        <v>447</v>
      </c>
    </row>
    <row r="895" spans="1:1" ht="20.25" customHeight="1" x14ac:dyDescent="0.2">
      <c r="A895" s="50"/>
    </row>
    <row r="896" spans="1:1" ht="20.25" customHeight="1" x14ac:dyDescent="0.2">
      <c r="A896" s="50">
        <v>448</v>
      </c>
    </row>
    <row r="897" spans="1:1" ht="20.25" customHeight="1" x14ac:dyDescent="0.2">
      <c r="A897" s="50"/>
    </row>
    <row r="898" spans="1:1" ht="20.25" customHeight="1" x14ac:dyDescent="0.2">
      <c r="A898" s="50">
        <v>449</v>
      </c>
    </row>
    <row r="899" spans="1:1" ht="20.25" customHeight="1" x14ac:dyDescent="0.2">
      <c r="A899" s="50"/>
    </row>
    <row r="900" spans="1:1" ht="20.25" customHeight="1" x14ac:dyDescent="0.2">
      <c r="A900" s="50">
        <v>450</v>
      </c>
    </row>
    <row r="901" spans="1:1" ht="20.25" customHeight="1" x14ac:dyDescent="0.2">
      <c r="A901" s="50"/>
    </row>
    <row r="902" spans="1:1" ht="20.25" customHeight="1" x14ac:dyDescent="0.2">
      <c r="A902" s="50">
        <v>451</v>
      </c>
    </row>
    <row r="903" spans="1:1" ht="20.25" customHeight="1" x14ac:dyDescent="0.2">
      <c r="A903" s="50"/>
    </row>
    <row r="904" spans="1:1" ht="20.25" customHeight="1" x14ac:dyDescent="0.2">
      <c r="A904" s="50">
        <v>452</v>
      </c>
    </row>
    <row r="905" spans="1:1" ht="20.25" customHeight="1" x14ac:dyDescent="0.2">
      <c r="A905" s="50"/>
    </row>
    <row r="906" spans="1:1" ht="20.25" customHeight="1" x14ac:dyDescent="0.2">
      <c r="A906" s="50">
        <v>453</v>
      </c>
    </row>
    <row r="907" spans="1:1" ht="20.25" customHeight="1" x14ac:dyDescent="0.2">
      <c r="A907" s="50"/>
    </row>
    <row r="908" spans="1:1" ht="20.25" customHeight="1" x14ac:dyDescent="0.2">
      <c r="A908" s="50">
        <v>454</v>
      </c>
    </row>
    <row r="909" spans="1:1" ht="20.25" customHeight="1" x14ac:dyDescent="0.2">
      <c r="A909" s="50"/>
    </row>
    <row r="910" spans="1:1" ht="20.25" customHeight="1" x14ac:dyDescent="0.2">
      <c r="A910" s="50">
        <v>455</v>
      </c>
    </row>
    <row r="911" spans="1:1" ht="20.25" customHeight="1" x14ac:dyDescent="0.2">
      <c r="A911" s="50"/>
    </row>
    <row r="912" spans="1:1" ht="20.25" customHeight="1" x14ac:dyDescent="0.2">
      <c r="A912" s="50">
        <v>456</v>
      </c>
    </row>
    <row r="913" spans="1:1" ht="20.25" customHeight="1" x14ac:dyDescent="0.2">
      <c r="A913" s="50"/>
    </row>
    <row r="914" spans="1:1" ht="20.25" customHeight="1" x14ac:dyDescent="0.2">
      <c r="A914" s="50">
        <v>457</v>
      </c>
    </row>
    <row r="915" spans="1:1" ht="20.25" customHeight="1" x14ac:dyDescent="0.2">
      <c r="A915" s="50"/>
    </row>
    <row r="916" spans="1:1" ht="20.25" customHeight="1" x14ac:dyDescent="0.2">
      <c r="A916" s="50">
        <v>458</v>
      </c>
    </row>
    <row r="917" spans="1:1" ht="20.25" customHeight="1" x14ac:dyDescent="0.2">
      <c r="A917" s="50"/>
    </row>
    <row r="918" spans="1:1" ht="20.25" customHeight="1" x14ac:dyDescent="0.2">
      <c r="A918" s="50">
        <v>459</v>
      </c>
    </row>
    <row r="919" spans="1:1" ht="20.25" customHeight="1" x14ac:dyDescent="0.2">
      <c r="A919" s="50"/>
    </row>
    <row r="920" spans="1:1" ht="20.25" customHeight="1" x14ac:dyDescent="0.2">
      <c r="A920" s="50">
        <v>460</v>
      </c>
    </row>
    <row r="921" spans="1:1" ht="20.25" customHeight="1" x14ac:dyDescent="0.2">
      <c r="A921" s="50"/>
    </row>
    <row r="922" spans="1:1" ht="20.25" customHeight="1" x14ac:dyDescent="0.2">
      <c r="A922" s="50">
        <v>461</v>
      </c>
    </row>
    <row r="923" spans="1:1" ht="20.25" customHeight="1" x14ac:dyDescent="0.2">
      <c r="A923" s="50"/>
    </row>
    <row r="924" spans="1:1" ht="20.25" customHeight="1" x14ac:dyDescent="0.2">
      <c r="A924" s="50">
        <v>462</v>
      </c>
    </row>
    <row r="925" spans="1:1" ht="20.25" customHeight="1" x14ac:dyDescent="0.2">
      <c r="A925" s="50"/>
    </row>
    <row r="926" spans="1:1" ht="20.25" customHeight="1" x14ac:dyDescent="0.2">
      <c r="A926" s="50">
        <v>463</v>
      </c>
    </row>
    <row r="927" spans="1:1" ht="20.25" customHeight="1" x14ac:dyDescent="0.2">
      <c r="A927" s="50"/>
    </row>
    <row r="928" spans="1:1" ht="20.25" customHeight="1" x14ac:dyDescent="0.2">
      <c r="A928" s="50">
        <v>464</v>
      </c>
    </row>
    <row r="929" spans="1:1" ht="20.25" customHeight="1" x14ac:dyDescent="0.2">
      <c r="A929" s="50"/>
    </row>
    <row r="930" spans="1:1" ht="20.25" customHeight="1" x14ac:dyDescent="0.2">
      <c r="A930" s="50">
        <v>465</v>
      </c>
    </row>
    <row r="931" spans="1:1" ht="20.25" customHeight="1" x14ac:dyDescent="0.2">
      <c r="A931" s="50"/>
    </row>
    <row r="932" spans="1:1" ht="20.25" customHeight="1" x14ac:dyDescent="0.2">
      <c r="A932" s="50">
        <v>466</v>
      </c>
    </row>
    <row r="933" spans="1:1" ht="20.25" customHeight="1" x14ac:dyDescent="0.2">
      <c r="A933" s="50"/>
    </row>
    <row r="934" spans="1:1" ht="20.25" customHeight="1" x14ac:dyDescent="0.2">
      <c r="A934" s="50">
        <v>467</v>
      </c>
    </row>
    <row r="935" spans="1:1" ht="20.25" customHeight="1" x14ac:dyDescent="0.2">
      <c r="A935" s="50"/>
    </row>
    <row r="936" spans="1:1" ht="20.25" customHeight="1" x14ac:dyDescent="0.2">
      <c r="A936" s="50">
        <v>468</v>
      </c>
    </row>
    <row r="937" spans="1:1" ht="20.25" customHeight="1" x14ac:dyDescent="0.2">
      <c r="A937" s="50"/>
    </row>
    <row r="938" spans="1:1" ht="20.25" customHeight="1" x14ac:dyDescent="0.2">
      <c r="A938" s="50">
        <v>469</v>
      </c>
    </row>
    <row r="939" spans="1:1" ht="20.25" customHeight="1" x14ac:dyDescent="0.2">
      <c r="A939" s="50"/>
    </row>
    <row r="940" spans="1:1" ht="20.25" customHeight="1" x14ac:dyDescent="0.2">
      <c r="A940" s="50">
        <v>470</v>
      </c>
    </row>
    <row r="941" spans="1:1" ht="20.25" customHeight="1" x14ac:dyDescent="0.2">
      <c r="A941" s="50"/>
    </row>
    <row r="942" spans="1:1" ht="20.25" customHeight="1" x14ac:dyDescent="0.2">
      <c r="A942" s="50">
        <v>471</v>
      </c>
    </row>
    <row r="943" spans="1:1" ht="20.25" customHeight="1" x14ac:dyDescent="0.2">
      <c r="A943" s="50"/>
    </row>
    <row r="944" spans="1:1" ht="20.25" customHeight="1" x14ac:dyDescent="0.2">
      <c r="A944" s="50">
        <v>472</v>
      </c>
    </row>
    <row r="945" spans="1:1" ht="20.25" customHeight="1" x14ac:dyDescent="0.2">
      <c r="A945" s="50"/>
    </row>
    <row r="946" spans="1:1" ht="20.25" customHeight="1" x14ac:dyDescent="0.2">
      <c r="A946" s="50">
        <v>473</v>
      </c>
    </row>
    <row r="947" spans="1:1" ht="20.25" customHeight="1" x14ac:dyDescent="0.2">
      <c r="A947" s="50"/>
    </row>
    <row r="948" spans="1:1" ht="20.25" customHeight="1" x14ac:dyDescent="0.2">
      <c r="A948" s="50">
        <v>474</v>
      </c>
    </row>
    <row r="949" spans="1:1" ht="20.25" customHeight="1" x14ac:dyDescent="0.2">
      <c r="A949" s="50"/>
    </row>
    <row r="950" spans="1:1" ht="20.25" customHeight="1" x14ac:dyDescent="0.2">
      <c r="A950" s="50">
        <v>475</v>
      </c>
    </row>
    <row r="951" spans="1:1" ht="20.25" customHeight="1" x14ac:dyDescent="0.2">
      <c r="A951" s="50"/>
    </row>
    <row r="952" spans="1:1" ht="20.25" customHeight="1" x14ac:dyDescent="0.2">
      <c r="A952" s="50">
        <v>476</v>
      </c>
    </row>
    <row r="953" spans="1:1" ht="20.25" customHeight="1" x14ac:dyDescent="0.2">
      <c r="A953" s="50"/>
    </row>
    <row r="954" spans="1:1" ht="20.25" customHeight="1" x14ac:dyDescent="0.2">
      <c r="A954" s="50">
        <v>477</v>
      </c>
    </row>
    <row r="955" spans="1:1" ht="20.25" customHeight="1" x14ac:dyDescent="0.2">
      <c r="A955" s="50"/>
    </row>
    <row r="956" spans="1:1" ht="20.25" customHeight="1" x14ac:dyDescent="0.2">
      <c r="A956" s="50">
        <v>478</v>
      </c>
    </row>
    <row r="957" spans="1:1" ht="20.25" customHeight="1" x14ac:dyDescent="0.2">
      <c r="A957" s="50"/>
    </row>
    <row r="958" spans="1:1" ht="20.25" customHeight="1" x14ac:dyDescent="0.2">
      <c r="A958" s="50">
        <v>479</v>
      </c>
    </row>
    <row r="959" spans="1:1" ht="20.25" customHeight="1" x14ac:dyDescent="0.2">
      <c r="A959" s="50"/>
    </row>
    <row r="960" spans="1:1" ht="20.25" customHeight="1" x14ac:dyDescent="0.2">
      <c r="A960" s="50">
        <v>480</v>
      </c>
    </row>
    <row r="961" spans="1:1" ht="20.25" customHeight="1" x14ac:dyDescent="0.2">
      <c r="A961" s="50"/>
    </row>
    <row r="962" spans="1:1" ht="20.25" customHeight="1" x14ac:dyDescent="0.2">
      <c r="A962" s="50">
        <v>481</v>
      </c>
    </row>
    <row r="963" spans="1:1" ht="20.25" customHeight="1" x14ac:dyDescent="0.2">
      <c r="A963" s="50"/>
    </row>
    <row r="964" spans="1:1" ht="20.25" customHeight="1" x14ac:dyDescent="0.2">
      <c r="A964" s="50">
        <v>482</v>
      </c>
    </row>
    <row r="965" spans="1:1" ht="20.25" customHeight="1" x14ac:dyDescent="0.2">
      <c r="A965" s="50"/>
    </row>
    <row r="966" spans="1:1" ht="20.25" customHeight="1" x14ac:dyDescent="0.2">
      <c r="A966" s="50">
        <v>483</v>
      </c>
    </row>
    <row r="967" spans="1:1" ht="20.25" customHeight="1" x14ac:dyDescent="0.2">
      <c r="A967" s="50"/>
    </row>
    <row r="968" spans="1:1" ht="20.25" customHeight="1" x14ac:dyDescent="0.2">
      <c r="A968" s="50">
        <v>484</v>
      </c>
    </row>
    <row r="969" spans="1:1" ht="20.25" customHeight="1" x14ac:dyDescent="0.2">
      <c r="A969" s="50"/>
    </row>
    <row r="970" spans="1:1" ht="20.25" customHeight="1" x14ac:dyDescent="0.2">
      <c r="A970" s="50">
        <v>485</v>
      </c>
    </row>
    <row r="971" spans="1:1" ht="20.25" customHeight="1" x14ac:dyDescent="0.2">
      <c r="A971" s="50"/>
    </row>
    <row r="972" spans="1:1" ht="20.25" customHeight="1" x14ac:dyDescent="0.2">
      <c r="A972" s="50">
        <v>486</v>
      </c>
    </row>
    <row r="973" spans="1:1" ht="20.25" customHeight="1" x14ac:dyDescent="0.2">
      <c r="A973" s="50"/>
    </row>
    <row r="974" spans="1:1" ht="20.25" customHeight="1" x14ac:dyDescent="0.2">
      <c r="A974" s="50">
        <v>487</v>
      </c>
    </row>
    <row r="975" spans="1:1" ht="20.25" customHeight="1" x14ac:dyDescent="0.2">
      <c r="A975" s="50"/>
    </row>
    <row r="976" spans="1:1" ht="20.25" customHeight="1" x14ac:dyDescent="0.2">
      <c r="A976" s="50">
        <v>488</v>
      </c>
    </row>
    <row r="977" spans="1:1" ht="20.25" customHeight="1" x14ac:dyDescent="0.2">
      <c r="A977" s="50"/>
    </row>
    <row r="978" spans="1:1" ht="20.25" customHeight="1" x14ac:dyDescent="0.2">
      <c r="A978" s="50">
        <v>489</v>
      </c>
    </row>
    <row r="979" spans="1:1" ht="20.25" customHeight="1" x14ac:dyDescent="0.2">
      <c r="A979" s="50"/>
    </row>
    <row r="980" spans="1:1" ht="20.25" customHeight="1" x14ac:dyDescent="0.2">
      <c r="A980" s="50">
        <v>490</v>
      </c>
    </row>
    <row r="981" spans="1:1" ht="20.25" customHeight="1" x14ac:dyDescent="0.2">
      <c r="A981" s="50"/>
    </row>
    <row r="982" spans="1:1" ht="20.25" customHeight="1" x14ac:dyDescent="0.2">
      <c r="A982" s="50">
        <v>491</v>
      </c>
    </row>
    <row r="983" spans="1:1" ht="20.25" customHeight="1" x14ac:dyDescent="0.2">
      <c r="A983" s="50"/>
    </row>
    <row r="984" spans="1:1" ht="20.25" customHeight="1" x14ac:dyDescent="0.2">
      <c r="A984" s="50">
        <v>492</v>
      </c>
    </row>
    <row r="985" spans="1:1" ht="20.25" customHeight="1" x14ac:dyDescent="0.2">
      <c r="A985" s="50"/>
    </row>
    <row r="986" spans="1:1" ht="20.25" customHeight="1" x14ac:dyDescent="0.2">
      <c r="A986" s="50">
        <v>493</v>
      </c>
    </row>
    <row r="987" spans="1:1" ht="20.25" customHeight="1" x14ac:dyDescent="0.2">
      <c r="A987" s="50"/>
    </row>
    <row r="988" spans="1:1" ht="20.25" customHeight="1" x14ac:dyDescent="0.2">
      <c r="A988" s="50">
        <v>494</v>
      </c>
    </row>
    <row r="989" spans="1:1" ht="20.25" customHeight="1" x14ac:dyDescent="0.2">
      <c r="A989" s="50"/>
    </row>
    <row r="990" spans="1:1" ht="20.25" customHeight="1" x14ac:dyDescent="0.2">
      <c r="A990" s="50">
        <v>495</v>
      </c>
    </row>
    <row r="991" spans="1:1" ht="20.25" customHeight="1" x14ac:dyDescent="0.2">
      <c r="A991" s="50"/>
    </row>
    <row r="992" spans="1:1" ht="20.25" customHeight="1" x14ac:dyDescent="0.2">
      <c r="A992" s="50">
        <v>496</v>
      </c>
    </row>
    <row r="993" spans="1:1" ht="20.25" customHeight="1" x14ac:dyDescent="0.2">
      <c r="A993" s="50"/>
    </row>
    <row r="994" spans="1:1" ht="20.25" customHeight="1" x14ac:dyDescent="0.2">
      <c r="A994" s="50">
        <v>497</v>
      </c>
    </row>
    <row r="995" spans="1:1" ht="20.25" customHeight="1" x14ac:dyDescent="0.2">
      <c r="A995" s="50"/>
    </row>
    <row r="996" spans="1:1" ht="20.25" customHeight="1" x14ac:dyDescent="0.2">
      <c r="A996" s="50">
        <v>498</v>
      </c>
    </row>
    <row r="997" spans="1:1" ht="20.25" customHeight="1" x14ac:dyDescent="0.2">
      <c r="A997" s="50"/>
    </row>
    <row r="998" spans="1:1" ht="20.25" customHeight="1" x14ac:dyDescent="0.2">
      <c r="A998" s="50">
        <v>499</v>
      </c>
    </row>
    <row r="999" spans="1:1" ht="20.25" customHeight="1" x14ac:dyDescent="0.2">
      <c r="A999" s="50"/>
    </row>
    <row r="1000" spans="1:1" ht="20.25" customHeight="1" x14ac:dyDescent="0.2">
      <c r="A1000" s="50">
        <v>500</v>
      </c>
    </row>
    <row r="1001" spans="1:1" ht="20.25" customHeight="1" x14ac:dyDescent="0.2">
      <c r="A1001" s="50"/>
    </row>
    <row r="1002" spans="1:1" ht="20.25" customHeight="1" x14ac:dyDescent="0.2">
      <c r="A1002" s="50">
        <v>501</v>
      </c>
    </row>
    <row r="1003" spans="1:1" ht="20.25" customHeight="1" x14ac:dyDescent="0.2">
      <c r="A1003" s="50"/>
    </row>
    <row r="1004" spans="1:1" ht="20.25" customHeight="1" x14ac:dyDescent="0.2">
      <c r="A1004" s="50">
        <v>502</v>
      </c>
    </row>
    <row r="1005" spans="1:1" ht="20.25" customHeight="1" x14ac:dyDescent="0.2">
      <c r="A1005" s="50"/>
    </row>
    <row r="1006" spans="1:1" ht="20.25" customHeight="1" x14ac:dyDescent="0.2">
      <c r="A1006" s="50">
        <v>503</v>
      </c>
    </row>
    <row r="1007" spans="1:1" ht="20.25" customHeight="1" x14ac:dyDescent="0.2">
      <c r="A1007" s="50"/>
    </row>
    <row r="1008" spans="1:1" ht="20.25" customHeight="1" x14ac:dyDescent="0.2">
      <c r="A1008" s="50">
        <v>504</v>
      </c>
    </row>
    <row r="1009" spans="1:1" ht="20.25" customHeight="1" x14ac:dyDescent="0.2">
      <c r="A1009" s="50"/>
    </row>
    <row r="1010" spans="1:1" ht="20.25" customHeight="1" x14ac:dyDescent="0.2">
      <c r="A1010" s="50">
        <v>505</v>
      </c>
    </row>
    <row r="1011" spans="1:1" ht="20.25" customHeight="1" x14ac:dyDescent="0.2">
      <c r="A1011" s="50"/>
    </row>
    <row r="1012" spans="1:1" ht="20.25" customHeight="1" x14ac:dyDescent="0.2">
      <c r="A1012" s="50">
        <v>506</v>
      </c>
    </row>
    <row r="1013" spans="1:1" ht="20.25" customHeight="1" x14ac:dyDescent="0.2">
      <c r="A1013" s="50"/>
    </row>
    <row r="1014" spans="1:1" ht="20.25" customHeight="1" x14ac:dyDescent="0.2">
      <c r="A1014" s="50">
        <v>507</v>
      </c>
    </row>
    <row r="1015" spans="1:1" ht="20.25" customHeight="1" x14ac:dyDescent="0.2">
      <c r="A1015" s="50"/>
    </row>
    <row r="1016" spans="1:1" ht="20.25" customHeight="1" x14ac:dyDescent="0.2">
      <c r="A1016" s="50">
        <v>508</v>
      </c>
    </row>
    <row r="1017" spans="1:1" ht="20.25" customHeight="1" x14ac:dyDescent="0.2">
      <c r="A1017" s="50"/>
    </row>
    <row r="1018" spans="1:1" ht="20.25" customHeight="1" x14ac:dyDescent="0.2">
      <c r="A1018" s="50">
        <v>509</v>
      </c>
    </row>
    <row r="1019" spans="1:1" ht="20.25" customHeight="1" x14ac:dyDescent="0.2">
      <c r="A1019" s="50"/>
    </row>
    <row r="1020" spans="1:1" ht="20.25" customHeight="1" x14ac:dyDescent="0.2">
      <c r="A1020" s="50">
        <v>510</v>
      </c>
    </row>
    <row r="1021" spans="1:1" ht="20.25" customHeight="1" x14ac:dyDescent="0.2">
      <c r="A1021" s="50"/>
    </row>
    <row r="1022" spans="1:1" ht="20.25" customHeight="1" x14ac:dyDescent="0.2">
      <c r="A1022" s="50">
        <v>511</v>
      </c>
    </row>
    <row r="1023" spans="1:1" ht="20.25" customHeight="1" x14ac:dyDescent="0.2">
      <c r="A1023" s="50"/>
    </row>
    <row r="1024" spans="1:1" ht="20.25" customHeight="1" x14ac:dyDescent="0.2">
      <c r="A1024" s="50">
        <v>512</v>
      </c>
    </row>
    <row r="1025" spans="1:1" ht="20.25" customHeight="1" x14ac:dyDescent="0.2">
      <c r="A1025" s="50"/>
    </row>
    <row r="1026" spans="1:1" ht="20.25" customHeight="1" x14ac:dyDescent="0.2">
      <c r="A1026" s="50">
        <v>513</v>
      </c>
    </row>
    <row r="1027" spans="1:1" ht="20.25" customHeight="1" x14ac:dyDescent="0.2">
      <c r="A1027" s="50"/>
    </row>
    <row r="1028" spans="1:1" ht="20.25" customHeight="1" x14ac:dyDescent="0.2">
      <c r="A1028" s="50">
        <v>514</v>
      </c>
    </row>
    <row r="1029" spans="1:1" ht="20.25" customHeight="1" x14ac:dyDescent="0.2">
      <c r="A1029" s="50"/>
    </row>
    <row r="1030" spans="1:1" ht="20.25" customHeight="1" x14ac:dyDescent="0.2">
      <c r="A1030" s="50">
        <v>515</v>
      </c>
    </row>
    <row r="1031" spans="1:1" ht="20.25" customHeight="1" x14ac:dyDescent="0.2">
      <c r="A1031" s="50"/>
    </row>
    <row r="1032" spans="1:1" ht="20.25" customHeight="1" x14ac:dyDescent="0.2">
      <c r="A1032" s="50">
        <v>516</v>
      </c>
    </row>
    <row r="1033" spans="1:1" ht="20.25" customHeight="1" x14ac:dyDescent="0.2">
      <c r="A1033" s="50"/>
    </row>
    <row r="1034" spans="1:1" ht="20.25" customHeight="1" x14ac:dyDescent="0.2">
      <c r="A1034" s="50">
        <v>517</v>
      </c>
    </row>
    <row r="1035" spans="1:1" ht="20.25" customHeight="1" x14ac:dyDescent="0.2">
      <c r="A1035" s="50"/>
    </row>
    <row r="1036" spans="1:1" ht="20.25" customHeight="1" x14ac:dyDescent="0.2">
      <c r="A1036" s="50">
        <v>518</v>
      </c>
    </row>
    <row r="1037" spans="1:1" ht="20.25" customHeight="1" x14ac:dyDescent="0.2">
      <c r="A1037" s="50"/>
    </row>
    <row r="1038" spans="1:1" ht="20.25" customHeight="1" x14ac:dyDescent="0.2">
      <c r="A1038" s="50">
        <v>519</v>
      </c>
    </row>
    <row r="1039" spans="1:1" ht="20.25" customHeight="1" x14ac:dyDescent="0.2">
      <c r="A1039" s="50"/>
    </row>
    <row r="1040" spans="1:1" ht="20.25" customHeight="1" x14ac:dyDescent="0.2">
      <c r="A1040" s="50">
        <v>520</v>
      </c>
    </row>
    <row r="1041" spans="1:1" ht="20.25" customHeight="1" x14ac:dyDescent="0.2">
      <c r="A1041" s="50"/>
    </row>
    <row r="1042" spans="1:1" ht="20.25" customHeight="1" x14ac:dyDescent="0.2">
      <c r="A1042" s="50">
        <v>521</v>
      </c>
    </row>
    <row r="1043" spans="1:1" ht="20.25" customHeight="1" x14ac:dyDescent="0.2">
      <c r="A1043" s="50"/>
    </row>
    <row r="1044" spans="1:1" ht="20.25" customHeight="1" x14ac:dyDescent="0.2">
      <c r="A1044" s="50">
        <v>522</v>
      </c>
    </row>
    <row r="1045" spans="1:1" ht="20.25" customHeight="1" x14ac:dyDescent="0.2">
      <c r="A1045" s="50"/>
    </row>
    <row r="1046" spans="1:1" ht="20.25" customHeight="1" x14ac:dyDescent="0.2">
      <c r="A1046" s="50">
        <v>523</v>
      </c>
    </row>
    <row r="1047" spans="1:1" ht="20.25" customHeight="1" x14ac:dyDescent="0.2">
      <c r="A1047" s="50"/>
    </row>
    <row r="1048" spans="1:1" ht="20.25" customHeight="1" x14ac:dyDescent="0.2">
      <c r="A1048" s="50">
        <v>524</v>
      </c>
    </row>
    <row r="1049" spans="1:1" ht="20.25" customHeight="1" x14ac:dyDescent="0.2">
      <c r="A1049" s="50"/>
    </row>
    <row r="1050" spans="1:1" ht="20.25" customHeight="1" x14ac:dyDescent="0.2">
      <c r="A1050" s="50">
        <v>525</v>
      </c>
    </row>
    <row r="1051" spans="1:1" ht="20.25" customHeight="1" x14ac:dyDescent="0.2">
      <c r="A1051" s="50"/>
    </row>
    <row r="1052" spans="1:1" ht="20.25" customHeight="1" x14ac:dyDescent="0.2">
      <c r="A1052" s="50">
        <v>526</v>
      </c>
    </row>
    <row r="1053" spans="1:1" ht="20.25" customHeight="1" x14ac:dyDescent="0.2">
      <c r="A1053" s="50"/>
    </row>
    <row r="1054" spans="1:1" ht="20.25" customHeight="1" x14ac:dyDescent="0.2">
      <c r="A1054" s="50">
        <v>527</v>
      </c>
    </row>
    <row r="1055" spans="1:1" ht="20.25" customHeight="1" x14ac:dyDescent="0.2">
      <c r="A1055" s="50"/>
    </row>
    <row r="1056" spans="1:1" ht="20.25" customHeight="1" x14ac:dyDescent="0.2">
      <c r="A1056" s="50">
        <v>528</v>
      </c>
    </row>
    <row r="1057" spans="1:1" ht="20.25" customHeight="1" x14ac:dyDescent="0.2">
      <c r="A1057" s="50"/>
    </row>
    <row r="1058" spans="1:1" ht="20.25" customHeight="1" x14ac:dyDescent="0.2">
      <c r="A1058" s="50">
        <v>529</v>
      </c>
    </row>
    <row r="1059" spans="1:1" ht="20.25" customHeight="1" x14ac:dyDescent="0.2">
      <c r="A1059" s="50"/>
    </row>
    <row r="1060" spans="1:1" ht="20.25" customHeight="1" x14ac:dyDescent="0.2">
      <c r="A1060" s="50">
        <v>530</v>
      </c>
    </row>
    <row r="1061" spans="1:1" ht="20.25" customHeight="1" x14ac:dyDescent="0.2">
      <c r="A1061" s="50"/>
    </row>
    <row r="1062" spans="1:1" ht="20.25" customHeight="1" x14ac:dyDescent="0.2">
      <c r="A1062" s="50">
        <v>531</v>
      </c>
    </row>
    <row r="1063" spans="1:1" ht="20.25" customHeight="1" x14ac:dyDescent="0.2">
      <c r="A1063" s="50"/>
    </row>
    <row r="1064" spans="1:1" ht="20.25" customHeight="1" x14ac:dyDescent="0.2">
      <c r="A1064" s="50">
        <v>532</v>
      </c>
    </row>
    <row r="1065" spans="1:1" ht="20.25" customHeight="1" x14ac:dyDescent="0.2">
      <c r="A1065" s="50"/>
    </row>
    <row r="1066" spans="1:1" ht="20.25" customHeight="1" x14ac:dyDescent="0.2">
      <c r="A1066" s="50">
        <v>533</v>
      </c>
    </row>
    <row r="1067" spans="1:1" ht="20.25" customHeight="1" x14ac:dyDescent="0.2">
      <c r="A1067" s="50"/>
    </row>
    <row r="1068" spans="1:1" ht="20.25" customHeight="1" x14ac:dyDescent="0.2">
      <c r="A1068" s="50">
        <v>534</v>
      </c>
    </row>
    <row r="1069" spans="1:1" ht="20.25" customHeight="1" x14ac:dyDescent="0.2">
      <c r="A1069" s="50"/>
    </row>
    <row r="1070" spans="1:1" ht="20.25" customHeight="1" x14ac:dyDescent="0.2">
      <c r="A1070" s="50">
        <v>535</v>
      </c>
    </row>
    <row r="1071" spans="1:1" ht="20.25" customHeight="1" x14ac:dyDescent="0.2">
      <c r="A1071" s="50"/>
    </row>
    <row r="1072" spans="1:1" ht="20.25" customHeight="1" x14ac:dyDescent="0.2">
      <c r="A1072" s="50">
        <v>536</v>
      </c>
    </row>
    <row r="1073" spans="1:1" ht="20.25" customHeight="1" x14ac:dyDescent="0.2">
      <c r="A1073" s="50"/>
    </row>
    <row r="1074" spans="1:1" ht="20.25" customHeight="1" x14ac:dyDescent="0.2">
      <c r="A1074" s="50">
        <v>537</v>
      </c>
    </row>
    <row r="1075" spans="1:1" ht="20.25" customHeight="1" x14ac:dyDescent="0.2">
      <c r="A1075" s="50"/>
    </row>
    <row r="1076" spans="1:1" ht="20.25" customHeight="1" x14ac:dyDescent="0.2">
      <c r="A1076" s="50">
        <v>538</v>
      </c>
    </row>
    <row r="1077" spans="1:1" ht="20.25" customHeight="1" x14ac:dyDescent="0.2">
      <c r="A1077" s="50"/>
    </row>
    <row r="1078" spans="1:1" ht="20.25" customHeight="1" x14ac:dyDescent="0.2">
      <c r="A1078" s="50">
        <v>539</v>
      </c>
    </row>
    <row r="1079" spans="1:1" ht="20.25" customHeight="1" x14ac:dyDescent="0.2">
      <c r="A1079" s="50"/>
    </row>
    <row r="1080" spans="1:1" ht="20.25" customHeight="1" x14ac:dyDescent="0.2">
      <c r="A1080" s="50">
        <v>540</v>
      </c>
    </row>
    <row r="1081" spans="1:1" ht="20.25" customHeight="1" x14ac:dyDescent="0.2">
      <c r="A1081" s="50"/>
    </row>
    <row r="1082" spans="1:1" ht="20.25" customHeight="1" x14ac:dyDescent="0.2">
      <c r="A1082" s="50">
        <v>541</v>
      </c>
    </row>
    <row r="1083" spans="1:1" ht="20.25" customHeight="1" x14ac:dyDescent="0.2">
      <c r="A1083" s="50"/>
    </row>
    <row r="1084" spans="1:1" ht="20.25" customHeight="1" x14ac:dyDescent="0.2">
      <c r="A1084" s="50">
        <v>542</v>
      </c>
    </row>
    <row r="1085" spans="1:1" ht="20.25" customHeight="1" x14ac:dyDescent="0.2">
      <c r="A1085" s="50"/>
    </row>
    <row r="1086" spans="1:1" ht="20.25" customHeight="1" x14ac:dyDescent="0.2">
      <c r="A1086" s="50">
        <v>543</v>
      </c>
    </row>
    <row r="1087" spans="1:1" ht="20.25" customHeight="1" x14ac:dyDescent="0.2">
      <c r="A1087" s="50"/>
    </row>
    <row r="1088" spans="1:1" ht="20.25" customHeight="1" x14ac:dyDescent="0.2">
      <c r="A1088" s="50">
        <v>544</v>
      </c>
    </row>
    <row r="1089" spans="1:1" ht="20.25" customHeight="1" x14ac:dyDescent="0.2">
      <c r="A1089" s="50"/>
    </row>
    <row r="1090" spans="1:1" ht="20.25" customHeight="1" x14ac:dyDescent="0.2">
      <c r="A1090" s="50">
        <v>545</v>
      </c>
    </row>
    <row r="1091" spans="1:1" ht="20.25" customHeight="1" x14ac:dyDescent="0.2">
      <c r="A1091" s="50"/>
    </row>
    <row r="1092" spans="1:1" ht="20.25" customHeight="1" x14ac:dyDescent="0.2">
      <c r="A1092" s="50">
        <v>546</v>
      </c>
    </row>
    <row r="1093" spans="1:1" ht="20.25" customHeight="1" x14ac:dyDescent="0.2">
      <c r="A1093" s="50"/>
    </row>
    <row r="1094" spans="1:1" ht="20.25" customHeight="1" x14ac:dyDescent="0.2">
      <c r="A1094" s="50">
        <v>547</v>
      </c>
    </row>
    <row r="1095" spans="1:1" ht="20.25" customHeight="1" x14ac:dyDescent="0.2">
      <c r="A1095" s="50"/>
    </row>
    <row r="1096" spans="1:1" ht="20.25" customHeight="1" x14ac:dyDescent="0.2">
      <c r="A1096" s="50">
        <v>548</v>
      </c>
    </row>
    <row r="1097" spans="1:1" ht="20.25" customHeight="1" x14ac:dyDescent="0.2">
      <c r="A1097" s="50"/>
    </row>
    <row r="1098" spans="1:1" ht="20.25" customHeight="1" x14ac:dyDescent="0.2">
      <c r="A1098" s="50">
        <v>549</v>
      </c>
    </row>
    <row r="1099" spans="1:1" ht="20.25" customHeight="1" x14ac:dyDescent="0.2">
      <c r="A1099" s="50"/>
    </row>
    <row r="1100" spans="1:1" ht="20.25" customHeight="1" x14ac:dyDescent="0.2">
      <c r="A1100" s="50">
        <v>550</v>
      </c>
    </row>
    <row r="1101" spans="1:1" ht="20.25" customHeight="1" x14ac:dyDescent="0.2">
      <c r="A1101" s="50"/>
    </row>
    <row r="1102" spans="1:1" ht="20.25" customHeight="1" x14ac:dyDescent="0.2">
      <c r="A1102" s="50">
        <v>551</v>
      </c>
    </row>
    <row r="1103" spans="1:1" ht="20.25" customHeight="1" x14ac:dyDescent="0.2">
      <c r="A1103" s="50"/>
    </row>
    <row r="1104" spans="1:1" ht="20.25" customHeight="1" x14ac:dyDescent="0.2">
      <c r="A1104" s="50">
        <v>552</v>
      </c>
    </row>
    <row r="1105" spans="1:1" ht="20.25" customHeight="1" x14ac:dyDescent="0.2">
      <c r="A1105" s="50"/>
    </row>
    <row r="1106" spans="1:1" ht="20.25" customHeight="1" x14ac:dyDescent="0.2">
      <c r="A1106" s="50">
        <v>553</v>
      </c>
    </row>
    <row r="1107" spans="1:1" ht="20.25" customHeight="1" x14ac:dyDescent="0.2">
      <c r="A1107" s="50"/>
    </row>
  </sheetData>
  <mergeCells count="553">
    <mergeCell ref="A1106:A1107"/>
    <mergeCell ref="A1094:A1095"/>
    <mergeCell ref="A1096:A1097"/>
    <mergeCell ref="A1098:A1099"/>
    <mergeCell ref="A1100:A1101"/>
    <mergeCell ref="A1102:A1103"/>
    <mergeCell ref="A1104:A1105"/>
    <mergeCell ref="A1082:A1083"/>
    <mergeCell ref="A1084:A1085"/>
    <mergeCell ref="A1086:A1087"/>
    <mergeCell ref="A1088:A1089"/>
    <mergeCell ref="A1090:A1091"/>
    <mergeCell ref="A1092:A1093"/>
    <mergeCell ref="A1070:A1071"/>
    <mergeCell ref="A1072:A1073"/>
    <mergeCell ref="A1074:A1075"/>
    <mergeCell ref="A1076:A1077"/>
    <mergeCell ref="A1078:A1079"/>
    <mergeCell ref="A1080:A1081"/>
    <mergeCell ref="A1058:A1059"/>
    <mergeCell ref="A1060:A1061"/>
    <mergeCell ref="A1062:A1063"/>
    <mergeCell ref="A1064:A1065"/>
    <mergeCell ref="A1066:A1067"/>
    <mergeCell ref="A1068:A1069"/>
    <mergeCell ref="A1046:A1047"/>
    <mergeCell ref="A1048:A1049"/>
    <mergeCell ref="A1050:A1051"/>
    <mergeCell ref="A1052:A1053"/>
    <mergeCell ref="A1054:A1055"/>
    <mergeCell ref="A1056:A1057"/>
    <mergeCell ref="A1034:A1035"/>
    <mergeCell ref="A1036:A1037"/>
    <mergeCell ref="A1038:A1039"/>
    <mergeCell ref="A1040:A1041"/>
    <mergeCell ref="A1042:A1043"/>
    <mergeCell ref="A1044:A1045"/>
    <mergeCell ref="A1022:A1023"/>
    <mergeCell ref="A1024:A1025"/>
    <mergeCell ref="A1026:A1027"/>
    <mergeCell ref="A1028:A1029"/>
    <mergeCell ref="A1030:A1031"/>
    <mergeCell ref="A1032:A1033"/>
    <mergeCell ref="A1010:A1011"/>
    <mergeCell ref="A1012:A1013"/>
    <mergeCell ref="A1014:A1015"/>
    <mergeCell ref="A1016:A1017"/>
    <mergeCell ref="A1018:A1019"/>
    <mergeCell ref="A1020:A1021"/>
    <mergeCell ref="A998:A999"/>
    <mergeCell ref="A1000:A1001"/>
    <mergeCell ref="A1002:A1003"/>
    <mergeCell ref="A1004:A1005"/>
    <mergeCell ref="A1006:A1007"/>
    <mergeCell ref="A1008:A1009"/>
    <mergeCell ref="A986:A987"/>
    <mergeCell ref="A988:A989"/>
    <mergeCell ref="A990:A991"/>
    <mergeCell ref="A992:A993"/>
    <mergeCell ref="A994:A995"/>
    <mergeCell ref="A996:A997"/>
    <mergeCell ref="A974:A975"/>
    <mergeCell ref="A976:A977"/>
    <mergeCell ref="A978:A979"/>
    <mergeCell ref="A980:A981"/>
    <mergeCell ref="A982:A983"/>
    <mergeCell ref="A984:A985"/>
    <mergeCell ref="A962:A963"/>
    <mergeCell ref="A964:A965"/>
    <mergeCell ref="A966:A967"/>
    <mergeCell ref="A968:A969"/>
    <mergeCell ref="A970:A971"/>
    <mergeCell ref="A972:A973"/>
    <mergeCell ref="A950:A951"/>
    <mergeCell ref="A952:A953"/>
    <mergeCell ref="A954:A955"/>
    <mergeCell ref="A956:A957"/>
    <mergeCell ref="A958:A959"/>
    <mergeCell ref="A960:A961"/>
    <mergeCell ref="A938:A939"/>
    <mergeCell ref="A940:A941"/>
    <mergeCell ref="A942:A943"/>
    <mergeCell ref="A944:A945"/>
    <mergeCell ref="A946:A947"/>
    <mergeCell ref="A948:A949"/>
    <mergeCell ref="A926:A927"/>
    <mergeCell ref="A928:A929"/>
    <mergeCell ref="A930:A931"/>
    <mergeCell ref="A932:A933"/>
    <mergeCell ref="A934:A935"/>
    <mergeCell ref="A936:A937"/>
    <mergeCell ref="A914:A915"/>
    <mergeCell ref="A916:A917"/>
    <mergeCell ref="A918:A919"/>
    <mergeCell ref="A920:A921"/>
    <mergeCell ref="A922:A923"/>
    <mergeCell ref="A924:A925"/>
    <mergeCell ref="A902:A903"/>
    <mergeCell ref="A904:A905"/>
    <mergeCell ref="A906:A907"/>
    <mergeCell ref="A908:A909"/>
    <mergeCell ref="A910:A911"/>
    <mergeCell ref="A912:A913"/>
    <mergeCell ref="A890:A891"/>
    <mergeCell ref="A892:A893"/>
    <mergeCell ref="A894:A895"/>
    <mergeCell ref="A896:A897"/>
    <mergeCell ref="A898:A899"/>
    <mergeCell ref="A900:A901"/>
    <mergeCell ref="A878:A879"/>
    <mergeCell ref="A880:A881"/>
    <mergeCell ref="A882:A883"/>
    <mergeCell ref="A884:A885"/>
    <mergeCell ref="A886:A887"/>
    <mergeCell ref="A888:A889"/>
    <mergeCell ref="A866:A867"/>
    <mergeCell ref="A868:A869"/>
    <mergeCell ref="A870:A871"/>
    <mergeCell ref="A872:A873"/>
    <mergeCell ref="A874:A875"/>
    <mergeCell ref="A876:A877"/>
    <mergeCell ref="A854:A855"/>
    <mergeCell ref="A856:A857"/>
    <mergeCell ref="A858:A859"/>
    <mergeCell ref="A860:A861"/>
    <mergeCell ref="A862:A863"/>
    <mergeCell ref="A864:A865"/>
    <mergeCell ref="A842:A843"/>
    <mergeCell ref="A844:A845"/>
    <mergeCell ref="A846:A847"/>
    <mergeCell ref="A848:A849"/>
    <mergeCell ref="A850:A851"/>
    <mergeCell ref="A852:A853"/>
    <mergeCell ref="A830:A831"/>
    <mergeCell ref="A832:A833"/>
    <mergeCell ref="A834:A835"/>
    <mergeCell ref="A836:A837"/>
    <mergeCell ref="A838:A839"/>
    <mergeCell ref="A840:A841"/>
    <mergeCell ref="A818:A819"/>
    <mergeCell ref="A820:A821"/>
    <mergeCell ref="A822:A823"/>
    <mergeCell ref="A824:A825"/>
    <mergeCell ref="A826:A827"/>
    <mergeCell ref="A828:A829"/>
    <mergeCell ref="A806:A807"/>
    <mergeCell ref="A808:A809"/>
    <mergeCell ref="A810:A811"/>
    <mergeCell ref="A812:A813"/>
    <mergeCell ref="A814:A815"/>
    <mergeCell ref="A816:A817"/>
    <mergeCell ref="A794:A795"/>
    <mergeCell ref="A796:A797"/>
    <mergeCell ref="A798:A799"/>
    <mergeCell ref="A800:A801"/>
    <mergeCell ref="A802:A803"/>
    <mergeCell ref="A804:A805"/>
    <mergeCell ref="A782:A783"/>
    <mergeCell ref="A784:A785"/>
    <mergeCell ref="A786:A787"/>
    <mergeCell ref="A788:A789"/>
    <mergeCell ref="A790:A791"/>
    <mergeCell ref="A792:A793"/>
    <mergeCell ref="A770:A771"/>
    <mergeCell ref="A772:A773"/>
    <mergeCell ref="A774:A775"/>
    <mergeCell ref="A776:A777"/>
    <mergeCell ref="A778:A779"/>
    <mergeCell ref="A780:A781"/>
    <mergeCell ref="A758:A759"/>
    <mergeCell ref="A760:A761"/>
    <mergeCell ref="A762:A763"/>
    <mergeCell ref="A764:A765"/>
    <mergeCell ref="A766:A767"/>
    <mergeCell ref="A768:A769"/>
    <mergeCell ref="A746:A747"/>
    <mergeCell ref="A748:A749"/>
    <mergeCell ref="A750:A751"/>
    <mergeCell ref="A752:A753"/>
    <mergeCell ref="A754:A755"/>
    <mergeCell ref="A756:A757"/>
    <mergeCell ref="A734:A735"/>
    <mergeCell ref="A736:A737"/>
    <mergeCell ref="A738:A739"/>
    <mergeCell ref="A740:A741"/>
    <mergeCell ref="A742:A743"/>
    <mergeCell ref="A744:A745"/>
    <mergeCell ref="A722:A723"/>
    <mergeCell ref="A724:A725"/>
    <mergeCell ref="A726:A727"/>
    <mergeCell ref="A728:A729"/>
    <mergeCell ref="A730:A731"/>
    <mergeCell ref="A732:A733"/>
    <mergeCell ref="A710:A711"/>
    <mergeCell ref="A712:A713"/>
    <mergeCell ref="A714:A715"/>
    <mergeCell ref="A716:A717"/>
    <mergeCell ref="A718:A719"/>
    <mergeCell ref="A720:A721"/>
    <mergeCell ref="A698:A699"/>
    <mergeCell ref="A700:A701"/>
    <mergeCell ref="A702:A703"/>
    <mergeCell ref="A704:A705"/>
    <mergeCell ref="A706:A707"/>
    <mergeCell ref="A708:A709"/>
    <mergeCell ref="A686:A687"/>
    <mergeCell ref="A688:A689"/>
    <mergeCell ref="A690:A691"/>
    <mergeCell ref="A692:A693"/>
    <mergeCell ref="A694:A695"/>
    <mergeCell ref="A696:A697"/>
    <mergeCell ref="A674:A675"/>
    <mergeCell ref="A676:A677"/>
    <mergeCell ref="A678:A679"/>
    <mergeCell ref="A680:A681"/>
    <mergeCell ref="A682:A683"/>
    <mergeCell ref="A684:A685"/>
    <mergeCell ref="A662:A663"/>
    <mergeCell ref="A664:A665"/>
    <mergeCell ref="A666:A667"/>
    <mergeCell ref="A668:A669"/>
    <mergeCell ref="A670:A671"/>
    <mergeCell ref="A672:A673"/>
    <mergeCell ref="A650:A651"/>
    <mergeCell ref="A652:A653"/>
    <mergeCell ref="A654:A655"/>
    <mergeCell ref="A656:A657"/>
    <mergeCell ref="A658:A659"/>
    <mergeCell ref="A660:A661"/>
    <mergeCell ref="A638:A639"/>
    <mergeCell ref="A640:A641"/>
    <mergeCell ref="A642:A643"/>
    <mergeCell ref="A644:A645"/>
    <mergeCell ref="A646:A647"/>
    <mergeCell ref="A648:A649"/>
    <mergeCell ref="A626:A627"/>
    <mergeCell ref="A628:A629"/>
    <mergeCell ref="A630:A631"/>
    <mergeCell ref="A632:A633"/>
    <mergeCell ref="A634:A635"/>
    <mergeCell ref="A636:A637"/>
    <mergeCell ref="A614:A615"/>
    <mergeCell ref="A616:A617"/>
    <mergeCell ref="A618:A619"/>
    <mergeCell ref="A620:A621"/>
    <mergeCell ref="A622:A623"/>
    <mergeCell ref="A624:A625"/>
    <mergeCell ref="A602:A603"/>
    <mergeCell ref="A604:A605"/>
    <mergeCell ref="A606:A607"/>
    <mergeCell ref="A608:A609"/>
    <mergeCell ref="A610:A611"/>
    <mergeCell ref="A612:A613"/>
    <mergeCell ref="A590:A591"/>
    <mergeCell ref="A592:A593"/>
    <mergeCell ref="A594:A595"/>
    <mergeCell ref="A596:A597"/>
    <mergeCell ref="A598:A599"/>
    <mergeCell ref="A600:A601"/>
    <mergeCell ref="A578:A579"/>
    <mergeCell ref="A580:A581"/>
    <mergeCell ref="A582:A583"/>
    <mergeCell ref="A584:A585"/>
    <mergeCell ref="A586:A587"/>
    <mergeCell ref="A588:A589"/>
    <mergeCell ref="A566:A567"/>
    <mergeCell ref="A568:A569"/>
    <mergeCell ref="A570:A571"/>
    <mergeCell ref="A572:A573"/>
    <mergeCell ref="A574:A575"/>
    <mergeCell ref="A576:A577"/>
    <mergeCell ref="A554:A555"/>
    <mergeCell ref="A556:A557"/>
    <mergeCell ref="A558:A559"/>
    <mergeCell ref="A560:A561"/>
    <mergeCell ref="A562:A563"/>
    <mergeCell ref="A564:A565"/>
    <mergeCell ref="A542:A543"/>
    <mergeCell ref="A544:A545"/>
    <mergeCell ref="A546:A547"/>
    <mergeCell ref="A548:A549"/>
    <mergeCell ref="A550:A551"/>
    <mergeCell ref="A552:A553"/>
    <mergeCell ref="A530:A531"/>
    <mergeCell ref="A532:A533"/>
    <mergeCell ref="A534:A535"/>
    <mergeCell ref="A536:A537"/>
    <mergeCell ref="A538:A539"/>
    <mergeCell ref="A540:A541"/>
    <mergeCell ref="A518:A519"/>
    <mergeCell ref="A520:A521"/>
    <mergeCell ref="A522:A523"/>
    <mergeCell ref="A524:A525"/>
    <mergeCell ref="A526:A527"/>
    <mergeCell ref="A528:A529"/>
    <mergeCell ref="A506:A507"/>
    <mergeCell ref="A508:A509"/>
    <mergeCell ref="A510:A511"/>
    <mergeCell ref="A512:A513"/>
    <mergeCell ref="A514:A515"/>
    <mergeCell ref="A516:A517"/>
    <mergeCell ref="A494:A495"/>
    <mergeCell ref="A496:A497"/>
    <mergeCell ref="A498:A499"/>
    <mergeCell ref="A500:A501"/>
    <mergeCell ref="A502:A503"/>
    <mergeCell ref="A504:A505"/>
    <mergeCell ref="A482:A483"/>
    <mergeCell ref="A484:A485"/>
    <mergeCell ref="A486:A487"/>
    <mergeCell ref="A488:A489"/>
    <mergeCell ref="A490:A491"/>
    <mergeCell ref="A492:A493"/>
    <mergeCell ref="A470:A471"/>
    <mergeCell ref="A472:A473"/>
    <mergeCell ref="A474:A475"/>
    <mergeCell ref="A476:A477"/>
    <mergeCell ref="A478:A479"/>
    <mergeCell ref="A480:A481"/>
    <mergeCell ref="A458:A459"/>
    <mergeCell ref="A460:A461"/>
    <mergeCell ref="A462:A463"/>
    <mergeCell ref="A464:A465"/>
    <mergeCell ref="A466:A467"/>
    <mergeCell ref="A468:A469"/>
    <mergeCell ref="A446:A447"/>
    <mergeCell ref="A448:A449"/>
    <mergeCell ref="A450:A451"/>
    <mergeCell ref="A452:A453"/>
    <mergeCell ref="A454:A455"/>
    <mergeCell ref="A456:A457"/>
    <mergeCell ref="A434:A435"/>
    <mergeCell ref="A436:A437"/>
    <mergeCell ref="A438:A439"/>
    <mergeCell ref="A440:A441"/>
    <mergeCell ref="A442:A443"/>
    <mergeCell ref="A444:A445"/>
    <mergeCell ref="A422:A423"/>
    <mergeCell ref="A424:A425"/>
    <mergeCell ref="A426:A427"/>
    <mergeCell ref="A428:A429"/>
    <mergeCell ref="A430:A431"/>
    <mergeCell ref="A432:A433"/>
    <mergeCell ref="A410:A411"/>
    <mergeCell ref="A412:A413"/>
    <mergeCell ref="A414:A415"/>
    <mergeCell ref="A416:A417"/>
    <mergeCell ref="A418:A419"/>
    <mergeCell ref="A420:A421"/>
    <mergeCell ref="A398:A399"/>
    <mergeCell ref="A400:A401"/>
    <mergeCell ref="A402:A403"/>
    <mergeCell ref="A404:A405"/>
    <mergeCell ref="A406:A407"/>
    <mergeCell ref="A408:A409"/>
    <mergeCell ref="A386:A387"/>
    <mergeCell ref="A388:A389"/>
    <mergeCell ref="A390:A391"/>
    <mergeCell ref="A392:A393"/>
    <mergeCell ref="A394:A395"/>
    <mergeCell ref="A396:A397"/>
    <mergeCell ref="A374:A375"/>
    <mergeCell ref="A376:A377"/>
    <mergeCell ref="A378:A379"/>
    <mergeCell ref="A380:A381"/>
    <mergeCell ref="A382:A383"/>
    <mergeCell ref="A384:A385"/>
    <mergeCell ref="A362:A363"/>
    <mergeCell ref="A364:A365"/>
    <mergeCell ref="A366:A367"/>
    <mergeCell ref="A368:A369"/>
    <mergeCell ref="A370:A371"/>
    <mergeCell ref="A372:A373"/>
    <mergeCell ref="A350:A351"/>
    <mergeCell ref="A352:A353"/>
    <mergeCell ref="A354:A355"/>
    <mergeCell ref="A356:A357"/>
    <mergeCell ref="A358:A359"/>
    <mergeCell ref="A360:A361"/>
    <mergeCell ref="A338:A339"/>
    <mergeCell ref="A340:A341"/>
    <mergeCell ref="A342:A343"/>
    <mergeCell ref="A344:A345"/>
    <mergeCell ref="A346:A347"/>
    <mergeCell ref="A348:A349"/>
    <mergeCell ref="A326:A327"/>
    <mergeCell ref="A328:A329"/>
    <mergeCell ref="A330:A331"/>
    <mergeCell ref="A332:A333"/>
    <mergeCell ref="A334:A335"/>
    <mergeCell ref="A336:A337"/>
    <mergeCell ref="A314:A315"/>
    <mergeCell ref="A316:A317"/>
    <mergeCell ref="A318:A319"/>
    <mergeCell ref="A320:A321"/>
    <mergeCell ref="A322:A323"/>
    <mergeCell ref="A324:A325"/>
    <mergeCell ref="A302:A303"/>
    <mergeCell ref="A304:A305"/>
    <mergeCell ref="A306:A307"/>
    <mergeCell ref="A308:A309"/>
    <mergeCell ref="A310:A311"/>
    <mergeCell ref="A312:A313"/>
    <mergeCell ref="A290:A291"/>
    <mergeCell ref="A292:A293"/>
    <mergeCell ref="A294:A295"/>
    <mergeCell ref="A296:A297"/>
    <mergeCell ref="A298:A299"/>
    <mergeCell ref="A300:A301"/>
    <mergeCell ref="A278:A279"/>
    <mergeCell ref="A280:A281"/>
    <mergeCell ref="A282:A283"/>
    <mergeCell ref="A284:A285"/>
    <mergeCell ref="A286:A287"/>
    <mergeCell ref="A288:A289"/>
    <mergeCell ref="A266:A267"/>
    <mergeCell ref="A268:A269"/>
    <mergeCell ref="A270:A271"/>
    <mergeCell ref="A272:A273"/>
    <mergeCell ref="A274:A275"/>
    <mergeCell ref="A276:A277"/>
    <mergeCell ref="A254:A255"/>
    <mergeCell ref="A256:A257"/>
    <mergeCell ref="A258:A259"/>
    <mergeCell ref="A260:A261"/>
    <mergeCell ref="A262:A263"/>
    <mergeCell ref="A264:A265"/>
    <mergeCell ref="A242:A243"/>
    <mergeCell ref="A244:A245"/>
    <mergeCell ref="A246:A247"/>
    <mergeCell ref="A248:A249"/>
    <mergeCell ref="A250:A251"/>
    <mergeCell ref="A252:A253"/>
    <mergeCell ref="A230:A231"/>
    <mergeCell ref="A232:A233"/>
    <mergeCell ref="A234:A235"/>
    <mergeCell ref="A236:A237"/>
    <mergeCell ref="A238:A239"/>
    <mergeCell ref="A240:A241"/>
    <mergeCell ref="A218:A219"/>
    <mergeCell ref="A220:A221"/>
    <mergeCell ref="A222:A223"/>
    <mergeCell ref="A224:A225"/>
    <mergeCell ref="A226:A227"/>
    <mergeCell ref="A228:A229"/>
    <mergeCell ref="A206:A207"/>
    <mergeCell ref="A208:A209"/>
    <mergeCell ref="A210:A211"/>
    <mergeCell ref="A212:A213"/>
    <mergeCell ref="A214:A215"/>
    <mergeCell ref="A216:A217"/>
    <mergeCell ref="A194:A195"/>
    <mergeCell ref="A196:A197"/>
    <mergeCell ref="A198:A199"/>
    <mergeCell ref="A200:A201"/>
    <mergeCell ref="A202:A203"/>
    <mergeCell ref="A204:A205"/>
    <mergeCell ref="A182:A183"/>
    <mergeCell ref="A184:A185"/>
    <mergeCell ref="A186:A187"/>
    <mergeCell ref="A188:A189"/>
    <mergeCell ref="A190:A191"/>
    <mergeCell ref="A192:A193"/>
    <mergeCell ref="A170:A171"/>
    <mergeCell ref="A172:A173"/>
    <mergeCell ref="A174:A175"/>
    <mergeCell ref="A176:A177"/>
    <mergeCell ref="A178:A179"/>
    <mergeCell ref="A180:A181"/>
    <mergeCell ref="A158:A159"/>
    <mergeCell ref="A160:A161"/>
    <mergeCell ref="A162:A163"/>
    <mergeCell ref="A164:A165"/>
    <mergeCell ref="A166:A167"/>
    <mergeCell ref="A168:A169"/>
    <mergeCell ref="A146:A147"/>
    <mergeCell ref="A148:A149"/>
    <mergeCell ref="A150:A151"/>
    <mergeCell ref="A152:A153"/>
    <mergeCell ref="A154:A155"/>
    <mergeCell ref="A156:A157"/>
    <mergeCell ref="A134:A135"/>
    <mergeCell ref="A136:A137"/>
    <mergeCell ref="A138:A139"/>
    <mergeCell ref="A140:A141"/>
    <mergeCell ref="A142:A143"/>
    <mergeCell ref="A144:A145"/>
    <mergeCell ref="A122:A123"/>
    <mergeCell ref="A124:A125"/>
    <mergeCell ref="A126:A127"/>
    <mergeCell ref="A128:A129"/>
    <mergeCell ref="A130:A131"/>
    <mergeCell ref="A132:A133"/>
    <mergeCell ref="A110:A111"/>
    <mergeCell ref="A112:A113"/>
    <mergeCell ref="A114:A115"/>
    <mergeCell ref="A116:A117"/>
    <mergeCell ref="A118:A119"/>
    <mergeCell ref="A120:A121"/>
    <mergeCell ref="A98:A99"/>
    <mergeCell ref="A100:A101"/>
    <mergeCell ref="A102:A103"/>
    <mergeCell ref="A104:A105"/>
    <mergeCell ref="A106:A107"/>
    <mergeCell ref="A108:A109"/>
    <mergeCell ref="A86:A87"/>
    <mergeCell ref="A88:A89"/>
    <mergeCell ref="A90:A91"/>
    <mergeCell ref="A92:A93"/>
    <mergeCell ref="A94:A95"/>
    <mergeCell ref="A96:A97"/>
    <mergeCell ref="A74:A75"/>
    <mergeCell ref="A76:A77"/>
    <mergeCell ref="A78:A79"/>
    <mergeCell ref="A80:A81"/>
    <mergeCell ref="A82:A83"/>
    <mergeCell ref="A84:A85"/>
    <mergeCell ref="A62:A63"/>
    <mergeCell ref="A64:A65"/>
    <mergeCell ref="A66:A67"/>
    <mergeCell ref="A68:A69"/>
    <mergeCell ref="A70:A71"/>
    <mergeCell ref="A72:A73"/>
    <mergeCell ref="A50:A51"/>
    <mergeCell ref="A52:A53"/>
    <mergeCell ref="A54:A55"/>
    <mergeCell ref="A56:A57"/>
    <mergeCell ref="A58:A59"/>
    <mergeCell ref="A60:A61"/>
    <mergeCell ref="A38:A39"/>
    <mergeCell ref="A40:A41"/>
    <mergeCell ref="A42:A43"/>
    <mergeCell ref="A44:A45"/>
    <mergeCell ref="A46:A47"/>
    <mergeCell ref="A48:A49"/>
    <mergeCell ref="A26:A27"/>
    <mergeCell ref="A28:A29"/>
    <mergeCell ref="A30:A31"/>
    <mergeCell ref="A32:A33"/>
    <mergeCell ref="A34:A35"/>
    <mergeCell ref="A36:A37"/>
    <mergeCell ref="A14:A15"/>
    <mergeCell ref="A16:A17"/>
    <mergeCell ref="A18:A19"/>
    <mergeCell ref="A20:A21"/>
    <mergeCell ref="A22:A23"/>
    <mergeCell ref="A24:A25"/>
    <mergeCell ref="A2:A3"/>
    <mergeCell ref="A4:A5"/>
    <mergeCell ref="A6:A7"/>
    <mergeCell ref="A8:A9"/>
    <mergeCell ref="A10:A11"/>
    <mergeCell ref="A12:A13"/>
  </mergeCells>
  <phoneticPr fontId="1"/>
  <printOptions horizontalCentered="1"/>
  <pageMargins left="0.6692913385826772" right="0.59055118110236227" top="0.59055118110236227" bottom="0.51181102362204722" header="0.31496062992125984" footer="0.31496062992125984"/>
  <pageSetup paperSize="9" scale="52" fitToHeight="0" orientation="portrait" r:id="rId1"/>
  <headerFooter alignWithMargins="0">
    <oddHeader>&amp;A</oddHeader>
    <oddFooter>&amp;P / &amp;N ページ</oddFooter>
  </headerFooter>
  <rowBreaks count="1" manualBreakCount="1">
    <brk id="77" min="1" max="7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8094000-6078-49F3-9275-85116D90D1D3}">
  <sheetPr>
    <pageSetUpPr fitToPage="1"/>
  </sheetPr>
  <dimension ref="A1:H936"/>
  <sheetViews>
    <sheetView view="pageBreakPreview" zoomScale="60" zoomScaleNormal="90" workbookViewId="0">
      <pane xSplit="3" ySplit="1" topLeftCell="D2" activePane="bottomRight" state="frozen"/>
      <selection activeCell="P8" sqref="P8"/>
      <selection pane="topRight" activeCell="P8" sqref="P8"/>
      <selection pane="bottomLeft" activeCell="P8" sqref="P8"/>
      <selection pane="bottomRight" activeCell="B10" sqref="B10"/>
    </sheetView>
  </sheetViews>
  <sheetFormatPr defaultColWidth="9" defaultRowHeight="20.25" customHeight="1" x14ac:dyDescent="0.2"/>
  <cols>
    <col min="1" max="1" width="5.19921875" style="13" hidden="1" customWidth="1"/>
    <col min="2" max="2" width="31" style="9" customWidth="1"/>
    <col min="3" max="3" width="11.5" style="9" customWidth="1"/>
    <col min="4" max="4" width="32.59765625" style="9" customWidth="1"/>
    <col min="5" max="5" width="13.5" style="9" customWidth="1"/>
    <col min="6" max="7" width="26.09765625" style="9" customWidth="1"/>
    <col min="8" max="8" width="10.09765625" style="6" customWidth="1"/>
    <col min="9" max="16384" width="9" style="9"/>
  </cols>
  <sheetData>
    <row r="1" spans="1:8" s="12" customFormat="1" ht="26.4" x14ac:dyDescent="0.2">
      <c r="A1" s="14"/>
      <c r="B1" s="5" t="s">
        <v>2614</v>
      </c>
      <c r="C1" s="5" t="s">
        <v>1</v>
      </c>
      <c r="D1" s="5" t="s">
        <v>2</v>
      </c>
      <c r="E1" s="5" t="s">
        <v>3</v>
      </c>
      <c r="F1" s="5" t="s">
        <v>4</v>
      </c>
      <c r="G1" s="5" t="s">
        <v>2729</v>
      </c>
      <c r="H1" s="5" t="s">
        <v>2616</v>
      </c>
    </row>
    <row r="2" spans="1:8" ht="20.25" customHeight="1" x14ac:dyDescent="0.2">
      <c r="A2" s="51">
        <v>1</v>
      </c>
      <c r="B2" s="7" t="s">
        <v>4872</v>
      </c>
      <c r="C2" s="7" t="s">
        <v>4883</v>
      </c>
      <c r="D2" s="7" t="s">
        <v>4873</v>
      </c>
      <c r="E2" s="7" t="s">
        <v>4874</v>
      </c>
      <c r="F2" s="7" t="s">
        <v>4875</v>
      </c>
      <c r="G2" s="7" t="s">
        <v>4876</v>
      </c>
      <c r="H2" s="8" t="s">
        <v>2620</v>
      </c>
    </row>
    <row r="3" spans="1:8" ht="20.25" customHeight="1" x14ac:dyDescent="0.2">
      <c r="A3" s="51"/>
      <c r="B3" s="10"/>
      <c r="C3" s="10"/>
      <c r="D3" s="10"/>
      <c r="E3" s="10"/>
      <c r="F3" s="10" t="s">
        <v>4876</v>
      </c>
      <c r="G3" s="10"/>
      <c r="H3" s="11"/>
    </row>
    <row r="4" spans="1:8" ht="20.25" customHeight="1" x14ac:dyDescent="0.2">
      <c r="A4" s="15"/>
    </row>
    <row r="5" spans="1:8" ht="20.25" customHeight="1" x14ac:dyDescent="0.2">
      <c r="A5" s="51">
        <v>88</v>
      </c>
    </row>
    <row r="6" spans="1:8" ht="20.25" customHeight="1" x14ac:dyDescent="0.2">
      <c r="A6" s="51"/>
    </row>
    <row r="7" spans="1:8" ht="20.25" customHeight="1" x14ac:dyDescent="0.2">
      <c r="A7" s="51">
        <v>89</v>
      </c>
    </row>
    <row r="8" spans="1:8" ht="20.25" customHeight="1" x14ac:dyDescent="0.2">
      <c r="A8" s="51"/>
    </row>
    <row r="9" spans="1:8" ht="20.25" customHeight="1" x14ac:dyDescent="0.2">
      <c r="A9" s="51">
        <v>90</v>
      </c>
    </row>
    <row r="10" spans="1:8" ht="20.25" customHeight="1" x14ac:dyDescent="0.2">
      <c r="A10" s="51"/>
    </row>
    <row r="11" spans="1:8" ht="20.25" customHeight="1" x14ac:dyDescent="0.2">
      <c r="A11" s="51">
        <v>91</v>
      </c>
    </row>
    <row r="12" spans="1:8" ht="20.25" customHeight="1" x14ac:dyDescent="0.2">
      <c r="A12" s="51"/>
    </row>
    <row r="13" spans="1:8" ht="20.25" customHeight="1" x14ac:dyDescent="0.2">
      <c r="A13" s="51">
        <v>92</v>
      </c>
    </row>
    <row r="14" spans="1:8" ht="20.25" customHeight="1" x14ac:dyDescent="0.2">
      <c r="A14" s="51"/>
    </row>
    <row r="15" spans="1:8" ht="20.25" customHeight="1" x14ac:dyDescent="0.2">
      <c r="A15" s="51">
        <v>93</v>
      </c>
    </row>
    <row r="16" spans="1:8" ht="20.25" customHeight="1" x14ac:dyDescent="0.2">
      <c r="A16" s="51"/>
    </row>
    <row r="17" spans="1:1" ht="20.25" customHeight="1" x14ac:dyDescent="0.2">
      <c r="A17" s="51">
        <v>94</v>
      </c>
    </row>
    <row r="18" spans="1:1" ht="20.25" customHeight="1" x14ac:dyDescent="0.2">
      <c r="A18" s="51"/>
    </row>
    <row r="19" spans="1:1" ht="20.25" customHeight="1" x14ac:dyDescent="0.2">
      <c r="A19" s="51">
        <v>95</v>
      </c>
    </row>
    <row r="20" spans="1:1" ht="20.25" customHeight="1" x14ac:dyDescent="0.2">
      <c r="A20" s="51"/>
    </row>
    <row r="21" spans="1:1" ht="20.25" customHeight="1" x14ac:dyDescent="0.2">
      <c r="A21" s="51">
        <v>96</v>
      </c>
    </row>
    <row r="22" spans="1:1" ht="20.25" customHeight="1" x14ac:dyDescent="0.2">
      <c r="A22" s="51"/>
    </row>
    <row r="23" spans="1:1" ht="20.25" customHeight="1" x14ac:dyDescent="0.2">
      <c r="A23" s="51">
        <v>97</v>
      </c>
    </row>
    <row r="24" spans="1:1" ht="20.25" customHeight="1" x14ac:dyDescent="0.2">
      <c r="A24" s="51"/>
    </row>
    <row r="25" spans="1:1" ht="20.25" customHeight="1" x14ac:dyDescent="0.2">
      <c r="A25" s="51">
        <v>98</v>
      </c>
    </row>
    <row r="26" spans="1:1" ht="20.25" customHeight="1" x14ac:dyDescent="0.2">
      <c r="A26" s="51"/>
    </row>
    <row r="27" spans="1:1" ht="20.25" customHeight="1" x14ac:dyDescent="0.2">
      <c r="A27" s="51">
        <v>99</v>
      </c>
    </row>
    <row r="28" spans="1:1" ht="20.25" customHeight="1" x14ac:dyDescent="0.2">
      <c r="A28" s="51"/>
    </row>
    <row r="29" spans="1:1" ht="20.25" customHeight="1" x14ac:dyDescent="0.2">
      <c r="A29" s="51">
        <v>100</v>
      </c>
    </row>
    <row r="30" spans="1:1" ht="20.25" customHeight="1" x14ac:dyDescent="0.2">
      <c r="A30" s="51"/>
    </row>
    <row r="31" spans="1:1" ht="20.25" customHeight="1" x14ac:dyDescent="0.2">
      <c r="A31" s="51">
        <v>101</v>
      </c>
    </row>
    <row r="32" spans="1:1" ht="20.25" customHeight="1" x14ac:dyDescent="0.2">
      <c r="A32" s="51"/>
    </row>
    <row r="33" spans="1:1" ht="20.25" customHeight="1" x14ac:dyDescent="0.2">
      <c r="A33" s="51">
        <v>102</v>
      </c>
    </row>
    <row r="34" spans="1:1" ht="20.25" customHeight="1" x14ac:dyDescent="0.2">
      <c r="A34" s="51"/>
    </row>
    <row r="35" spans="1:1" ht="20.25" customHeight="1" x14ac:dyDescent="0.2">
      <c r="A35" s="51">
        <v>103</v>
      </c>
    </row>
    <row r="36" spans="1:1" ht="20.25" customHeight="1" x14ac:dyDescent="0.2">
      <c r="A36" s="51"/>
    </row>
    <row r="37" spans="1:1" ht="20.25" customHeight="1" x14ac:dyDescent="0.2">
      <c r="A37" s="51">
        <v>104</v>
      </c>
    </row>
    <row r="38" spans="1:1" ht="20.25" customHeight="1" x14ac:dyDescent="0.2">
      <c r="A38" s="51"/>
    </row>
    <row r="39" spans="1:1" ht="20.25" customHeight="1" x14ac:dyDescent="0.2">
      <c r="A39" s="51">
        <v>105</v>
      </c>
    </row>
    <row r="40" spans="1:1" ht="20.25" customHeight="1" x14ac:dyDescent="0.2">
      <c r="A40" s="51"/>
    </row>
    <row r="41" spans="1:1" ht="20.25" customHeight="1" x14ac:dyDescent="0.2">
      <c r="A41" s="51">
        <v>106</v>
      </c>
    </row>
    <row r="42" spans="1:1" ht="20.25" customHeight="1" x14ac:dyDescent="0.2">
      <c r="A42" s="51"/>
    </row>
    <row r="43" spans="1:1" ht="20.25" customHeight="1" x14ac:dyDescent="0.2">
      <c r="A43" s="51">
        <v>107</v>
      </c>
    </row>
    <row r="44" spans="1:1" ht="20.25" customHeight="1" x14ac:dyDescent="0.2">
      <c r="A44" s="51"/>
    </row>
    <row r="45" spans="1:1" ht="20.25" customHeight="1" x14ac:dyDescent="0.2">
      <c r="A45" s="51">
        <v>108</v>
      </c>
    </row>
    <row r="46" spans="1:1" ht="20.25" customHeight="1" x14ac:dyDescent="0.2">
      <c r="A46" s="51"/>
    </row>
    <row r="47" spans="1:1" ht="20.25" customHeight="1" x14ac:dyDescent="0.2">
      <c r="A47" s="51">
        <v>109</v>
      </c>
    </row>
    <row r="48" spans="1:1" ht="20.25" customHeight="1" x14ac:dyDescent="0.2">
      <c r="A48" s="51"/>
    </row>
    <row r="49" spans="1:1" ht="20.25" customHeight="1" x14ac:dyDescent="0.2">
      <c r="A49" s="51">
        <v>110</v>
      </c>
    </row>
    <row r="50" spans="1:1" ht="20.25" customHeight="1" x14ac:dyDescent="0.2">
      <c r="A50" s="51"/>
    </row>
    <row r="51" spans="1:1" ht="20.25" customHeight="1" x14ac:dyDescent="0.2">
      <c r="A51" s="51">
        <v>111</v>
      </c>
    </row>
    <row r="52" spans="1:1" ht="20.25" customHeight="1" x14ac:dyDescent="0.2">
      <c r="A52" s="51"/>
    </row>
    <row r="53" spans="1:1" ht="20.25" customHeight="1" x14ac:dyDescent="0.2">
      <c r="A53" s="51">
        <v>112</v>
      </c>
    </row>
    <row r="54" spans="1:1" ht="20.25" customHeight="1" x14ac:dyDescent="0.2">
      <c r="A54" s="51"/>
    </row>
    <row r="55" spans="1:1" ht="20.25" customHeight="1" x14ac:dyDescent="0.2">
      <c r="A55" s="51">
        <v>113</v>
      </c>
    </row>
    <row r="56" spans="1:1" ht="20.25" customHeight="1" x14ac:dyDescent="0.2">
      <c r="A56" s="51"/>
    </row>
    <row r="57" spans="1:1" ht="20.25" customHeight="1" x14ac:dyDescent="0.2">
      <c r="A57" s="51">
        <v>114</v>
      </c>
    </row>
    <row r="58" spans="1:1" ht="20.25" customHeight="1" x14ac:dyDescent="0.2">
      <c r="A58" s="51"/>
    </row>
    <row r="59" spans="1:1" ht="20.25" customHeight="1" x14ac:dyDescent="0.2">
      <c r="A59" s="51">
        <v>115</v>
      </c>
    </row>
    <row r="60" spans="1:1" ht="20.25" customHeight="1" x14ac:dyDescent="0.2">
      <c r="A60" s="51"/>
    </row>
    <row r="61" spans="1:1" ht="20.25" customHeight="1" x14ac:dyDescent="0.2">
      <c r="A61" s="51">
        <v>116</v>
      </c>
    </row>
    <row r="62" spans="1:1" ht="20.25" customHeight="1" x14ac:dyDescent="0.2">
      <c r="A62" s="51"/>
    </row>
    <row r="63" spans="1:1" ht="20.25" customHeight="1" x14ac:dyDescent="0.2">
      <c r="A63" s="51">
        <v>117</v>
      </c>
    </row>
    <row r="64" spans="1:1" ht="20.25" customHeight="1" x14ac:dyDescent="0.2">
      <c r="A64" s="51"/>
    </row>
    <row r="65" spans="1:1" ht="20.25" customHeight="1" x14ac:dyDescent="0.2">
      <c r="A65" s="51">
        <v>118</v>
      </c>
    </row>
    <row r="66" spans="1:1" ht="20.25" customHeight="1" x14ac:dyDescent="0.2">
      <c r="A66" s="51"/>
    </row>
    <row r="67" spans="1:1" ht="20.25" customHeight="1" x14ac:dyDescent="0.2">
      <c r="A67" s="51">
        <v>119</v>
      </c>
    </row>
    <row r="68" spans="1:1" ht="20.25" customHeight="1" x14ac:dyDescent="0.2">
      <c r="A68" s="51"/>
    </row>
    <row r="69" spans="1:1" ht="20.25" customHeight="1" x14ac:dyDescent="0.2">
      <c r="A69" s="51">
        <v>120</v>
      </c>
    </row>
    <row r="70" spans="1:1" ht="20.25" customHeight="1" x14ac:dyDescent="0.2">
      <c r="A70" s="51"/>
    </row>
    <row r="71" spans="1:1" ht="20.25" customHeight="1" x14ac:dyDescent="0.2">
      <c r="A71" s="51">
        <v>121</v>
      </c>
    </row>
    <row r="72" spans="1:1" ht="20.25" customHeight="1" x14ac:dyDescent="0.2">
      <c r="A72" s="51"/>
    </row>
    <row r="73" spans="1:1" ht="20.25" customHeight="1" x14ac:dyDescent="0.2">
      <c r="A73" s="51">
        <v>122</v>
      </c>
    </row>
    <row r="74" spans="1:1" ht="20.25" customHeight="1" x14ac:dyDescent="0.2">
      <c r="A74" s="51"/>
    </row>
    <row r="75" spans="1:1" ht="20.25" customHeight="1" x14ac:dyDescent="0.2">
      <c r="A75" s="51">
        <v>123</v>
      </c>
    </row>
    <row r="76" spans="1:1" ht="20.25" customHeight="1" x14ac:dyDescent="0.2">
      <c r="A76" s="51"/>
    </row>
    <row r="77" spans="1:1" ht="20.25" customHeight="1" x14ac:dyDescent="0.2">
      <c r="A77" s="51">
        <v>124</v>
      </c>
    </row>
    <row r="78" spans="1:1" ht="20.25" customHeight="1" x14ac:dyDescent="0.2">
      <c r="A78" s="51"/>
    </row>
    <row r="79" spans="1:1" ht="20.25" customHeight="1" x14ac:dyDescent="0.2">
      <c r="A79" s="51">
        <v>125</v>
      </c>
    </row>
    <row r="80" spans="1:1" ht="20.25" customHeight="1" x14ac:dyDescent="0.2">
      <c r="A80" s="51"/>
    </row>
    <row r="81" spans="1:1" ht="20.25" customHeight="1" x14ac:dyDescent="0.2">
      <c r="A81" s="51">
        <v>126</v>
      </c>
    </row>
    <row r="82" spans="1:1" ht="20.25" customHeight="1" x14ac:dyDescent="0.2">
      <c r="A82" s="51"/>
    </row>
    <row r="83" spans="1:1" ht="20.25" customHeight="1" x14ac:dyDescent="0.2">
      <c r="A83" s="51">
        <v>127</v>
      </c>
    </row>
    <row r="84" spans="1:1" ht="20.25" customHeight="1" x14ac:dyDescent="0.2">
      <c r="A84" s="51"/>
    </row>
    <row r="85" spans="1:1" ht="20.25" customHeight="1" x14ac:dyDescent="0.2">
      <c r="A85" s="51">
        <v>128</v>
      </c>
    </row>
    <row r="86" spans="1:1" ht="20.25" customHeight="1" x14ac:dyDescent="0.2">
      <c r="A86" s="51"/>
    </row>
    <row r="87" spans="1:1" ht="20.25" customHeight="1" x14ac:dyDescent="0.2">
      <c r="A87" s="51">
        <v>129</v>
      </c>
    </row>
    <row r="88" spans="1:1" ht="20.25" customHeight="1" x14ac:dyDescent="0.2">
      <c r="A88" s="51"/>
    </row>
    <row r="89" spans="1:1" ht="20.25" customHeight="1" x14ac:dyDescent="0.2">
      <c r="A89" s="51">
        <v>130</v>
      </c>
    </row>
    <row r="90" spans="1:1" ht="20.25" customHeight="1" x14ac:dyDescent="0.2">
      <c r="A90" s="51"/>
    </row>
    <row r="91" spans="1:1" ht="20.25" customHeight="1" x14ac:dyDescent="0.2">
      <c r="A91" s="51">
        <v>131</v>
      </c>
    </row>
    <row r="92" spans="1:1" ht="20.25" customHeight="1" x14ac:dyDescent="0.2">
      <c r="A92" s="51"/>
    </row>
    <row r="93" spans="1:1" ht="20.25" customHeight="1" x14ac:dyDescent="0.2">
      <c r="A93" s="51">
        <v>132</v>
      </c>
    </row>
    <row r="94" spans="1:1" ht="20.25" customHeight="1" x14ac:dyDescent="0.2">
      <c r="A94" s="51"/>
    </row>
    <row r="95" spans="1:1" ht="20.25" customHeight="1" x14ac:dyDescent="0.2">
      <c r="A95" s="51">
        <v>133</v>
      </c>
    </row>
    <row r="96" spans="1:1" ht="20.25" customHeight="1" x14ac:dyDescent="0.2">
      <c r="A96" s="51"/>
    </row>
    <row r="97" spans="1:1" ht="20.25" customHeight="1" x14ac:dyDescent="0.2">
      <c r="A97" s="51">
        <v>134</v>
      </c>
    </row>
    <row r="98" spans="1:1" ht="20.25" customHeight="1" x14ac:dyDescent="0.2">
      <c r="A98" s="51"/>
    </row>
    <row r="99" spans="1:1" ht="20.25" customHeight="1" x14ac:dyDescent="0.2">
      <c r="A99" s="51">
        <v>135</v>
      </c>
    </row>
    <row r="100" spans="1:1" ht="20.25" customHeight="1" x14ac:dyDescent="0.2">
      <c r="A100" s="51"/>
    </row>
    <row r="101" spans="1:1" ht="20.25" customHeight="1" x14ac:dyDescent="0.2">
      <c r="A101" s="51">
        <v>136</v>
      </c>
    </row>
    <row r="102" spans="1:1" ht="20.25" customHeight="1" x14ac:dyDescent="0.2">
      <c r="A102" s="51"/>
    </row>
    <row r="103" spans="1:1" ht="20.25" customHeight="1" x14ac:dyDescent="0.2">
      <c r="A103" s="51">
        <v>137</v>
      </c>
    </row>
    <row r="104" spans="1:1" ht="20.25" customHeight="1" x14ac:dyDescent="0.2">
      <c r="A104" s="51"/>
    </row>
    <row r="105" spans="1:1" ht="20.25" customHeight="1" x14ac:dyDescent="0.2">
      <c r="A105" s="51">
        <v>138</v>
      </c>
    </row>
    <row r="106" spans="1:1" ht="20.25" customHeight="1" x14ac:dyDescent="0.2">
      <c r="A106" s="51"/>
    </row>
    <row r="107" spans="1:1" ht="20.25" customHeight="1" x14ac:dyDescent="0.2">
      <c r="A107" s="51">
        <v>139</v>
      </c>
    </row>
    <row r="108" spans="1:1" ht="20.25" customHeight="1" x14ac:dyDescent="0.2">
      <c r="A108" s="51"/>
    </row>
    <row r="109" spans="1:1" ht="20.25" customHeight="1" x14ac:dyDescent="0.2">
      <c r="A109" s="51">
        <v>140</v>
      </c>
    </row>
    <row r="110" spans="1:1" ht="20.25" customHeight="1" x14ac:dyDescent="0.2">
      <c r="A110" s="51"/>
    </row>
    <row r="111" spans="1:1" ht="20.25" customHeight="1" x14ac:dyDescent="0.2">
      <c r="A111" s="51">
        <v>141</v>
      </c>
    </row>
    <row r="112" spans="1:1" ht="20.25" customHeight="1" x14ac:dyDescent="0.2">
      <c r="A112" s="51"/>
    </row>
    <row r="113" spans="1:1" ht="20.25" customHeight="1" x14ac:dyDescent="0.2">
      <c r="A113" s="51">
        <v>142</v>
      </c>
    </row>
    <row r="114" spans="1:1" ht="20.25" customHeight="1" x14ac:dyDescent="0.2">
      <c r="A114" s="51"/>
    </row>
    <row r="115" spans="1:1" ht="20.25" customHeight="1" x14ac:dyDescent="0.2">
      <c r="A115" s="51">
        <v>143</v>
      </c>
    </row>
    <row r="116" spans="1:1" ht="20.25" customHeight="1" x14ac:dyDescent="0.2">
      <c r="A116" s="51"/>
    </row>
    <row r="117" spans="1:1" ht="20.25" customHeight="1" x14ac:dyDescent="0.2">
      <c r="A117" s="51">
        <v>144</v>
      </c>
    </row>
    <row r="118" spans="1:1" ht="20.25" customHeight="1" x14ac:dyDescent="0.2">
      <c r="A118" s="51"/>
    </row>
    <row r="119" spans="1:1" ht="20.25" customHeight="1" x14ac:dyDescent="0.2">
      <c r="A119" s="51">
        <v>145</v>
      </c>
    </row>
    <row r="120" spans="1:1" ht="20.25" customHeight="1" x14ac:dyDescent="0.2">
      <c r="A120" s="51"/>
    </row>
    <row r="121" spans="1:1" ht="20.25" customHeight="1" x14ac:dyDescent="0.2">
      <c r="A121" s="51">
        <v>146</v>
      </c>
    </row>
    <row r="122" spans="1:1" ht="20.25" customHeight="1" x14ac:dyDescent="0.2">
      <c r="A122" s="51"/>
    </row>
    <row r="123" spans="1:1" ht="20.25" customHeight="1" x14ac:dyDescent="0.2">
      <c r="A123" s="51">
        <v>147</v>
      </c>
    </row>
    <row r="124" spans="1:1" ht="20.25" customHeight="1" x14ac:dyDescent="0.2">
      <c r="A124" s="51"/>
    </row>
    <row r="125" spans="1:1" ht="20.25" customHeight="1" x14ac:dyDescent="0.2">
      <c r="A125" s="51">
        <v>148</v>
      </c>
    </row>
    <row r="126" spans="1:1" ht="20.25" customHeight="1" x14ac:dyDescent="0.2">
      <c r="A126" s="51"/>
    </row>
    <row r="127" spans="1:1" ht="20.25" customHeight="1" x14ac:dyDescent="0.2">
      <c r="A127" s="51">
        <v>149</v>
      </c>
    </row>
    <row r="128" spans="1:1" ht="20.25" customHeight="1" x14ac:dyDescent="0.2">
      <c r="A128" s="51"/>
    </row>
    <row r="129" spans="1:1" ht="20.25" customHeight="1" x14ac:dyDescent="0.2">
      <c r="A129" s="51">
        <v>150</v>
      </c>
    </row>
    <row r="130" spans="1:1" ht="20.25" customHeight="1" x14ac:dyDescent="0.2">
      <c r="A130" s="51"/>
    </row>
    <row r="131" spans="1:1" ht="20.25" customHeight="1" x14ac:dyDescent="0.2">
      <c r="A131" s="51">
        <v>151</v>
      </c>
    </row>
    <row r="132" spans="1:1" ht="20.25" customHeight="1" x14ac:dyDescent="0.2">
      <c r="A132" s="51"/>
    </row>
    <row r="133" spans="1:1" ht="20.25" customHeight="1" x14ac:dyDescent="0.2">
      <c r="A133" s="51">
        <v>152</v>
      </c>
    </row>
    <row r="134" spans="1:1" ht="20.25" customHeight="1" x14ac:dyDescent="0.2">
      <c r="A134" s="51"/>
    </row>
    <row r="135" spans="1:1" ht="20.25" customHeight="1" x14ac:dyDescent="0.2">
      <c r="A135" s="51">
        <v>153</v>
      </c>
    </row>
    <row r="136" spans="1:1" ht="20.25" customHeight="1" x14ac:dyDescent="0.2">
      <c r="A136" s="51"/>
    </row>
    <row r="137" spans="1:1" ht="20.25" customHeight="1" x14ac:dyDescent="0.2">
      <c r="A137" s="51">
        <v>154</v>
      </c>
    </row>
    <row r="138" spans="1:1" ht="20.25" customHeight="1" x14ac:dyDescent="0.2">
      <c r="A138" s="51"/>
    </row>
    <row r="139" spans="1:1" ht="20.25" customHeight="1" x14ac:dyDescent="0.2">
      <c r="A139" s="51">
        <v>155</v>
      </c>
    </row>
    <row r="140" spans="1:1" ht="20.25" customHeight="1" x14ac:dyDescent="0.2">
      <c r="A140" s="51"/>
    </row>
    <row r="141" spans="1:1" ht="20.25" customHeight="1" x14ac:dyDescent="0.2">
      <c r="A141" s="51">
        <v>156</v>
      </c>
    </row>
    <row r="142" spans="1:1" ht="20.25" customHeight="1" x14ac:dyDescent="0.2">
      <c r="A142" s="51"/>
    </row>
    <row r="143" spans="1:1" ht="20.25" customHeight="1" x14ac:dyDescent="0.2">
      <c r="A143" s="51">
        <v>157</v>
      </c>
    </row>
    <row r="144" spans="1:1" ht="20.25" customHeight="1" x14ac:dyDescent="0.2">
      <c r="A144" s="51"/>
    </row>
    <row r="145" spans="1:1" ht="20.25" customHeight="1" x14ac:dyDescent="0.2">
      <c r="A145" s="51">
        <v>158</v>
      </c>
    </row>
    <row r="146" spans="1:1" ht="20.25" customHeight="1" x14ac:dyDescent="0.2">
      <c r="A146" s="51"/>
    </row>
    <row r="147" spans="1:1" ht="20.25" customHeight="1" x14ac:dyDescent="0.2">
      <c r="A147" s="51">
        <v>159</v>
      </c>
    </row>
    <row r="148" spans="1:1" ht="20.25" customHeight="1" x14ac:dyDescent="0.2">
      <c r="A148" s="51"/>
    </row>
    <row r="149" spans="1:1" ht="20.25" customHeight="1" x14ac:dyDescent="0.2">
      <c r="A149" s="51">
        <v>160</v>
      </c>
    </row>
    <row r="150" spans="1:1" ht="20.25" customHeight="1" x14ac:dyDescent="0.2">
      <c r="A150" s="51"/>
    </row>
    <row r="151" spans="1:1" ht="20.25" customHeight="1" x14ac:dyDescent="0.2">
      <c r="A151" s="51">
        <v>161</v>
      </c>
    </row>
    <row r="152" spans="1:1" ht="20.25" customHeight="1" x14ac:dyDescent="0.2">
      <c r="A152" s="51"/>
    </row>
    <row r="153" spans="1:1" ht="20.25" customHeight="1" x14ac:dyDescent="0.2">
      <c r="A153" s="51">
        <v>162</v>
      </c>
    </row>
    <row r="154" spans="1:1" ht="20.25" customHeight="1" x14ac:dyDescent="0.2">
      <c r="A154" s="51"/>
    </row>
    <row r="155" spans="1:1" ht="20.25" customHeight="1" x14ac:dyDescent="0.2">
      <c r="A155" s="51">
        <v>163</v>
      </c>
    </row>
    <row r="156" spans="1:1" ht="20.25" customHeight="1" x14ac:dyDescent="0.2">
      <c r="A156" s="51"/>
    </row>
    <row r="157" spans="1:1" ht="20.25" customHeight="1" x14ac:dyDescent="0.2">
      <c r="A157" s="51">
        <v>164</v>
      </c>
    </row>
    <row r="158" spans="1:1" ht="20.25" customHeight="1" x14ac:dyDescent="0.2">
      <c r="A158" s="51"/>
    </row>
    <row r="159" spans="1:1" ht="20.25" customHeight="1" x14ac:dyDescent="0.2">
      <c r="A159" s="51">
        <v>165</v>
      </c>
    </row>
    <row r="160" spans="1:1" ht="20.25" customHeight="1" x14ac:dyDescent="0.2">
      <c r="A160" s="51"/>
    </row>
    <row r="161" spans="1:1" ht="20.25" customHeight="1" x14ac:dyDescent="0.2">
      <c r="A161" s="51">
        <v>166</v>
      </c>
    </row>
    <row r="162" spans="1:1" ht="20.25" customHeight="1" x14ac:dyDescent="0.2">
      <c r="A162" s="51"/>
    </row>
    <row r="163" spans="1:1" ht="20.25" customHeight="1" x14ac:dyDescent="0.2">
      <c r="A163" s="51">
        <v>167</v>
      </c>
    </row>
    <row r="164" spans="1:1" ht="20.25" customHeight="1" x14ac:dyDescent="0.2">
      <c r="A164" s="51"/>
    </row>
    <row r="165" spans="1:1" ht="20.25" customHeight="1" x14ac:dyDescent="0.2">
      <c r="A165" s="51">
        <v>168</v>
      </c>
    </row>
    <row r="166" spans="1:1" ht="20.25" customHeight="1" x14ac:dyDescent="0.2">
      <c r="A166" s="51"/>
    </row>
    <row r="167" spans="1:1" ht="20.25" customHeight="1" x14ac:dyDescent="0.2">
      <c r="A167" s="51">
        <v>169</v>
      </c>
    </row>
    <row r="168" spans="1:1" ht="20.25" customHeight="1" x14ac:dyDescent="0.2">
      <c r="A168" s="51"/>
    </row>
    <row r="169" spans="1:1" ht="20.25" customHeight="1" x14ac:dyDescent="0.2">
      <c r="A169" s="51">
        <v>170</v>
      </c>
    </row>
    <row r="170" spans="1:1" ht="20.25" customHeight="1" x14ac:dyDescent="0.2">
      <c r="A170" s="51"/>
    </row>
    <row r="171" spans="1:1" ht="20.25" customHeight="1" x14ac:dyDescent="0.2">
      <c r="A171" s="51">
        <v>171</v>
      </c>
    </row>
    <row r="172" spans="1:1" ht="20.25" customHeight="1" x14ac:dyDescent="0.2">
      <c r="A172" s="51"/>
    </row>
    <row r="173" spans="1:1" ht="20.25" customHeight="1" x14ac:dyDescent="0.2">
      <c r="A173" s="51">
        <v>172</v>
      </c>
    </row>
    <row r="174" spans="1:1" ht="20.25" customHeight="1" x14ac:dyDescent="0.2">
      <c r="A174" s="51"/>
    </row>
    <row r="175" spans="1:1" ht="20.25" customHeight="1" x14ac:dyDescent="0.2">
      <c r="A175" s="51">
        <v>173</v>
      </c>
    </row>
    <row r="176" spans="1:1" ht="20.25" customHeight="1" x14ac:dyDescent="0.2">
      <c r="A176" s="51"/>
    </row>
    <row r="177" spans="1:1" ht="20.25" customHeight="1" x14ac:dyDescent="0.2">
      <c r="A177" s="51">
        <v>174</v>
      </c>
    </row>
    <row r="178" spans="1:1" ht="20.25" customHeight="1" x14ac:dyDescent="0.2">
      <c r="A178" s="51"/>
    </row>
    <row r="179" spans="1:1" ht="20.25" customHeight="1" x14ac:dyDescent="0.2">
      <c r="A179" s="51">
        <v>175</v>
      </c>
    </row>
    <row r="180" spans="1:1" ht="20.25" customHeight="1" x14ac:dyDescent="0.2">
      <c r="A180" s="51"/>
    </row>
    <row r="181" spans="1:1" ht="20.25" customHeight="1" x14ac:dyDescent="0.2">
      <c r="A181" s="51">
        <v>176</v>
      </c>
    </row>
    <row r="182" spans="1:1" ht="20.25" customHeight="1" x14ac:dyDescent="0.2">
      <c r="A182" s="51"/>
    </row>
    <row r="183" spans="1:1" ht="20.25" customHeight="1" x14ac:dyDescent="0.2">
      <c r="A183" s="51">
        <v>177</v>
      </c>
    </row>
    <row r="184" spans="1:1" ht="20.25" customHeight="1" x14ac:dyDescent="0.2">
      <c r="A184" s="51"/>
    </row>
    <row r="185" spans="1:1" ht="20.25" customHeight="1" x14ac:dyDescent="0.2">
      <c r="A185" s="51">
        <v>178</v>
      </c>
    </row>
    <row r="186" spans="1:1" ht="20.25" customHeight="1" x14ac:dyDescent="0.2">
      <c r="A186" s="51"/>
    </row>
    <row r="187" spans="1:1" ht="20.25" customHeight="1" x14ac:dyDescent="0.2">
      <c r="A187" s="51">
        <v>179</v>
      </c>
    </row>
    <row r="188" spans="1:1" ht="20.25" customHeight="1" x14ac:dyDescent="0.2">
      <c r="A188" s="51"/>
    </row>
    <row r="189" spans="1:1" ht="20.25" customHeight="1" x14ac:dyDescent="0.2">
      <c r="A189" s="51">
        <v>180</v>
      </c>
    </row>
    <row r="190" spans="1:1" ht="20.25" customHeight="1" x14ac:dyDescent="0.2">
      <c r="A190" s="51"/>
    </row>
    <row r="191" spans="1:1" ht="20.25" customHeight="1" x14ac:dyDescent="0.2">
      <c r="A191" s="51">
        <v>181</v>
      </c>
    </row>
    <row r="192" spans="1:1" ht="20.25" customHeight="1" x14ac:dyDescent="0.2">
      <c r="A192" s="51"/>
    </row>
    <row r="193" spans="1:1" ht="20.25" customHeight="1" x14ac:dyDescent="0.2">
      <c r="A193" s="51">
        <v>182</v>
      </c>
    </row>
    <row r="194" spans="1:1" ht="20.25" customHeight="1" x14ac:dyDescent="0.2">
      <c r="A194" s="51"/>
    </row>
    <row r="195" spans="1:1" ht="20.25" customHeight="1" x14ac:dyDescent="0.2">
      <c r="A195" s="51">
        <v>183</v>
      </c>
    </row>
    <row r="196" spans="1:1" ht="20.25" customHeight="1" x14ac:dyDescent="0.2">
      <c r="A196" s="51"/>
    </row>
    <row r="197" spans="1:1" ht="20.25" customHeight="1" x14ac:dyDescent="0.2">
      <c r="A197" s="51">
        <v>184</v>
      </c>
    </row>
    <row r="198" spans="1:1" ht="20.25" customHeight="1" x14ac:dyDescent="0.2">
      <c r="A198" s="51"/>
    </row>
    <row r="199" spans="1:1" ht="20.25" customHeight="1" x14ac:dyDescent="0.2">
      <c r="A199" s="51">
        <v>185</v>
      </c>
    </row>
    <row r="200" spans="1:1" ht="20.25" customHeight="1" x14ac:dyDescent="0.2">
      <c r="A200" s="51"/>
    </row>
    <row r="201" spans="1:1" ht="20.25" customHeight="1" x14ac:dyDescent="0.2">
      <c r="A201" s="51">
        <v>186</v>
      </c>
    </row>
    <row r="202" spans="1:1" ht="20.25" customHeight="1" x14ac:dyDescent="0.2">
      <c r="A202" s="51"/>
    </row>
    <row r="203" spans="1:1" ht="20.25" customHeight="1" x14ac:dyDescent="0.2">
      <c r="A203" s="51">
        <v>187</v>
      </c>
    </row>
    <row r="204" spans="1:1" ht="20.25" customHeight="1" x14ac:dyDescent="0.2">
      <c r="A204" s="51"/>
    </row>
    <row r="205" spans="1:1" ht="20.25" customHeight="1" x14ac:dyDescent="0.2">
      <c r="A205" s="51">
        <v>188</v>
      </c>
    </row>
    <row r="206" spans="1:1" ht="20.25" customHeight="1" x14ac:dyDescent="0.2">
      <c r="A206" s="51"/>
    </row>
    <row r="207" spans="1:1" ht="20.25" customHeight="1" x14ac:dyDescent="0.2">
      <c r="A207" s="51">
        <v>189</v>
      </c>
    </row>
    <row r="208" spans="1:1" ht="20.25" customHeight="1" x14ac:dyDescent="0.2">
      <c r="A208" s="51"/>
    </row>
    <row r="209" spans="1:1" ht="20.25" customHeight="1" x14ac:dyDescent="0.2">
      <c r="A209" s="51">
        <v>190</v>
      </c>
    </row>
    <row r="210" spans="1:1" ht="20.25" customHeight="1" x14ac:dyDescent="0.2">
      <c r="A210" s="51"/>
    </row>
    <row r="211" spans="1:1" ht="20.25" customHeight="1" x14ac:dyDescent="0.2">
      <c r="A211" s="51">
        <v>191</v>
      </c>
    </row>
    <row r="212" spans="1:1" ht="20.25" customHeight="1" x14ac:dyDescent="0.2">
      <c r="A212" s="51"/>
    </row>
    <row r="213" spans="1:1" ht="20.25" customHeight="1" x14ac:dyDescent="0.2">
      <c r="A213" s="51">
        <v>192</v>
      </c>
    </row>
    <row r="214" spans="1:1" ht="20.25" customHeight="1" x14ac:dyDescent="0.2">
      <c r="A214" s="51"/>
    </row>
    <row r="215" spans="1:1" ht="20.25" customHeight="1" x14ac:dyDescent="0.2">
      <c r="A215" s="51">
        <v>193</v>
      </c>
    </row>
    <row r="216" spans="1:1" ht="20.25" customHeight="1" x14ac:dyDescent="0.2">
      <c r="A216" s="51"/>
    </row>
    <row r="217" spans="1:1" ht="20.25" customHeight="1" x14ac:dyDescent="0.2">
      <c r="A217" s="51">
        <v>194</v>
      </c>
    </row>
    <row r="218" spans="1:1" ht="20.25" customHeight="1" x14ac:dyDescent="0.2">
      <c r="A218" s="51"/>
    </row>
    <row r="219" spans="1:1" ht="20.25" customHeight="1" x14ac:dyDescent="0.2">
      <c r="A219" s="51">
        <v>195</v>
      </c>
    </row>
    <row r="220" spans="1:1" ht="20.25" customHeight="1" x14ac:dyDescent="0.2">
      <c r="A220" s="51"/>
    </row>
    <row r="221" spans="1:1" ht="20.25" customHeight="1" x14ac:dyDescent="0.2">
      <c r="A221" s="51">
        <v>196</v>
      </c>
    </row>
    <row r="222" spans="1:1" ht="20.25" customHeight="1" x14ac:dyDescent="0.2">
      <c r="A222" s="51"/>
    </row>
    <row r="223" spans="1:1" ht="20.25" customHeight="1" x14ac:dyDescent="0.2">
      <c r="A223" s="51">
        <v>197</v>
      </c>
    </row>
    <row r="224" spans="1:1" ht="20.25" customHeight="1" x14ac:dyDescent="0.2">
      <c r="A224" s="51"/>
    </row>
    <row r="225" spans="1:1" ht="20.25" customHeight="1" x14ac:dyDescent="0.2">
      <c r="A225" s="51">
        <v>198</v>
      </c>
    </row>
    <row r="226" spans="1:1" ht="20.25" customHeight="1" x14ac:dyDescent="0.2">
      <c r="A226" s="51"/>
    </row>
    <row r="227" spans="1:1" ht="20.25" customHeight="1" x14ac:dyDescent="0.2">
      <c r="A227" s="51">
        <v>199</v>
      </c>
    </row>
    <row r="228" spans="1:1" ht="20.25" customHeight="1" x14ac:dyDescent="0.2">
      <c r="A228" s="51"/>
    </row>
    <row r="229" spans="1:1" ht="20.25" customHeight="1" x14ac:dyDescent="0.2">
      <c r="A229" s="51">
        <v>200</v>
      </c>
    </row>
    <row r="230" spans="1:1" ht="20.25" customHeight="1" x14ac:dyDescent="0.2">
      <c r="A230" s="51"/>
    </row>
    <row r="231" spans="1:1" ht="20.25" customHeight="1" x14ac:dyDescent="0.2">
      <c r="A231" s="51">
        <v>201</v>
      </c>
    </row>
    <row r="232" spans="1:1" ht="20.25" customHeight="1" x14ac:dyDescent="0.2">
      <c r="A232" s="51"/>
    </row>
    <row r="233" spans="1:1" ht="20.25" customHeight="1" x14ac:dyDescent="0.2">
      <c r="A233" s="51">
        <v>202</v>
      </c>
    </row>
    <row r="234" spans="1:1" ht="20.25" customHeight="1" x14ac:dyDescent="0.2">
      <c r="A234" s="51"/>
    </row>
    <row r="235" spans="1:1" ht="20.25" customHeight="1" x14ac:dyDescent="0.2">
      <c r="A235" s="51">
        <v>203</v>
      </c>
    </row>
    <row r="236" spans="1:1" ht="20.25" customHeight="1" x14ac:dyDescent="0.2">
      <c r="A236" s="51"/>
    </row>
    <row r="237" spans="1:1" ht="20.25" customHeight="1" x14ac:dyDescent="0.2">
      <c r="A237" s="51">
        <v>204</v>
      </c>
    </row>
    <row r="238" spans="1:1" ht="20.25" customHeight="1" x14ac:dyDescent="0.2">
      <c r="A238" s="51"/>
    </row>
    <row r="239" spans="1:1" ht="20.25" customHeight="1" x14ac:dyDescent="0.2">
      <c r="A239" s="51">
        <v>205</v>
      </c>
    </row>
    <row r="240" spans="1:1" ht="20.25" customHeight="1" x14ac:dyDescent="0.2">
      <c r="A240" s="51"/>
    </row>
    <row r="241" spans="1:1" ht="20.25" customHeight="1" x14ac:dyDescent="0.2">
      <c r="A241" s="51">
        <v>206</v>
      </c>
    </row>
    <row r="242" spans="1:1" ht="20.25" customHeight="1" x14ac:dyDescent="0.2">
      <c r="A242" s="51"/>
    </row>
    <row r="243" spans="1:1" ht="20.25" customHeight="1" x14ac:dyDescent="0.2">
      <c r="A243" s="51">
        <v>207</v>
      </c>
    </row>
    <row r="244" spans="1:1" ht="20.25" customHeight="1" x14ac:dyDescent="0.2">
      <c r="A244" s="51"/>
    </row>
    <row r="245" spans="1:1" ht="20.25" customHeight="1" x14ac:dyDescent="0.2">
      <c r="A245" s="51">
        <v>208</v>
      </c>
    </row>
    <row r="246" spans="1:1" ht="20.25" customHeight="1" x14ac:dyDescent="0.2">
      <c r="A246" s="51"/>
    </row>
    <row r="247" spans="1:1" ht="20.25" customHeight="1" x14ac:dyDescent="0.2">
      <c r="A247" s="51">
        <v>209</v>
      </c>
    </row>
    <row r="248" spans="1:1" ht="20.25" customHeight="1" x14ac:dyDescent="0.2">
      <c r="A248" s="51"/>
    </row>
    <row r="249" spans="1:1" ht="20.25" customHeight="1" x14ac:dyDescent="0.2">
      <c r="A249" s="51">
        <v>210</v>
      </c>
    </row>
    <row r="250" spans="1:1" ht="20.25" customHeight="1" x14ac:dyDescent="0.2">
      <c r="A250" s="51"/>
    </row>
    <row r="251" spans="1:1" ht="20.25" customHeight="1" x14ac:dyDescent="0.2">
      <c r="A251" s="51">
        <v>211</v>
      </c>
    </row>
    <row r="252" spans="1:1" ht="20.25" customHeight="1" x14ac:dyDescent="0.2">
      <c r="A252" s="51"/>
    </row>
    <row r="253" spans="1:1" ht="20.25" customHeight="1" x14ac:dyDescent="0.2">
      <c r="A253" s="51">
        <v>212</v>
      </c>
    </row>
    <row r="254" spans="1:1" ht="20.25" customHeight="1" x14ac:dyDescent="0.2">
      <c r="A254" s="51"/>
    </row>
    <row r="255" spans="1:1" ht="20.25" customHeight="1" x14ac:dyDescent="0.2">
      <c r="A255" s="51">
        <v>213</v>
      </c>
    </row>
    <row r="256" spans="1:1" ht="20.25" customHeight="1" x14ac:dyDescent="0.2">
      <c r="A256" s="51"/>
    </row>
    <row r="257" spans="1:1" ht="20.25" customHeight="1" x14ac:dyDescent="0.2">
      <c r="A257" s="51">
        <v>214</v>
      </c>
    </row>
    <row r="258" spans="1:1" ht="20.25" customHeight="1" x14ac:dyDescent="0.2">
      <c r="A258" s="51"/>
    </row>
    <row r="259" spans="1:1" ht="20.25" customHeight="1" x14ac:dyDescent="0.2">
      <c r="A259" s="51">
        <v>215</v>
      </c>
    </row>
    <row r="260" spans="1:1" ht="20.25" customHeight="1" x14ac:dyDescent="0.2">
      <c r="A260" s="51"/>
    </row>
    <row r="261" spans="1:1" ht="20.25" customHeight="1" x14ac:dyDescent="0.2">
      <c r="A261" s="51">
        <v>216</v>
      </c>
    </row>
    <row r="262" spans="1:1" ht="20.25" customHeight="1" x14ac:dyDescent="0.2">
      <c r="A262" s="51"/>
    </row>
    <row r="263" spans="1:1" ht="20.25" customHeight="1" x14ac:dyDescent="0.2">
      <c r="A263" s="51">
        <v>217</v>
      </c>
    </row>
    <row r="264" spans="1:1" ht="20.25" customHeight="1" x14ac:dyDescent="0.2">
      <c r="A264" s="51"/>
    </row>
    <row r="265" spans="1:1" ht="20.25" customHeight="1" x14ac:dyDescent="0.2">
      <c r="A265" s="51">
        <v>218</v>
      </c>
    </row>
    <row r="266" spans="1:1" ht="20.25" customHeight="1" x14ac:dyDescent="0.2">
      <c r="A266" s="51"/>
    </row>
    <row r="267" spans="1:1" ht="20.25" customHeight="1" x14ac:dyDescent="0.2">
      <c r="A267" s="51">
        <v>219</v>
      </c>
    </row>
    <row r="268" spans="1:1" ht="20.25" customHeight="1" x14ac:dyDescent="0.2">
      <c r="A268" s="51"/>
    </row>
    <row r="269" spans="1:1" ht="20.25" customHeight="1" x14ac:dyDescent="0.2">
      <c r="A269" s="51">
        <v>220</v>
      </c>
    </row>
    <row r="270" spans="1:1" ht="20.25" customHeight="1" x14ac:dyDescent="0.2">
      <c r="A270" s="51"/>
    </row>
    <row r="271" spans="1:1" ht="20.25" customHeight="1" x14ac:dyDescent="0.2">
      <c r="A271" s="51">
        <v>221</v>
      </c>
    </row>
    <row r="272" spans="1:1" ht="20.25" customHeight="1" x14ac:dyDescent="0.2">
      <c r="A272" s="51"/>
    </row>
    <row r="273" spans="1:1" ht="20.25" customHeight="1" x14ac:dyDescent="0.2">
      <c r="A273" s="51">
        <v>222</v>
      </c>
    </row>
    <row r="274" spans="1:1" ht="20.25" customHeight="1" x14ac:dyDescent="0.2">
      <c r="A274" s="51"/>
    </row>
    <row r="275" spans="1:1" ht="20.25" customHeight="1" x14ac:dyDescent="0.2">
      <c r="A275" s="51">
        <v>223</v>
      </c>
    </row>
    <row r="276" spans="1:1" ht="20.25" customHeight="1" x14ac:dyDescent="0.2">
      <c r="A276" s="51"/>
    </row>
    <row r="277" spans="1:1" ht="20.25" customHeight="1" x14ac:dyDescent="0.2">
      <c r="A277" s="51">
        <v>224</v>
      </c>
    </row>
    <row r="278" spans="1:1" ht="20.25" customHeight="1" x14ac:dyDescent="0.2">
      <c r="A278" s="51"/>
    </row>
    <row r="279" spans="1:1" ht="20.25" customHeight="1" x14ac:dyDescent="0.2">
      <c r="A279" s="51">
        <v>225</v>
      </c>
    </row>
    <row r="280" spans="1:1" ht="20.25" customHeight="1" x14ac:dyDescent="0.2">
      <c r="A280" s="51"/>
    </row>
    <row r="281" spans="1:1" ht="20.25" customHeight="1" x14ac:dyDescent="0.2">
      <c r="A281" s="51">
        <v>226</v>
      </c>
    </row>
    <row r="282" spans="1:1" ht="20.25" customHeight="1" x14ac:dyDescent="0.2">
      <c r="A282" s="51"/>
    </row>
    <row r="283" spans="1:1" ht="20.25" customHeight="1" x14ac:dyDescent="0.2">
      <c r="A283" s="51">
        <v>227</v>
      </c>
    </row>
    <row r="284" spans="1:1" ht="20.25" customHeight="1" x14ac:dyDescent="0.2">
      <c r="A284" s="51"/>
    </row>
    <row r="285" spans="1:1" ht="20.25" customHeight="1" x14ac:dyDescent="0.2">
      <c r="A285" s="51">
        <v>228</v>
      </c>
    </row>
    <row r="286" spans="1:1" ht="20.25" customHeight="1" x14ac:dyDescent="0.2">
      <c r="A286" s="51"/>
    </row>
    <row r="287" spans="1:1" ht="20.25" customHeight="1" x14ac:dyDescent="0.2">
      <c r="A287" s="51">
        <v>229</v>
      </c>
    </row>
    <row r="288" spans="1:1" ht="20.25" customHeight="1" x14ac:dyDescent="0.2">
      <c r="A288" s="51"/>
    </row>
    <row r="289" spans="1:1" ht="20.25" customHeight="1" x14ac:dyDescent="0.2">
      <c r="A289" s="51">
        <v>230</v>
      </c>
    </row>
    <row r="290" spans="1:1" ht="20.25" customHeight="1" x14ac:dyDescent="0.2">
      <c r="A290" s="51"/>
    </row>
    <row r="291" spans="1:1" ht="20.25" customHeight="1" x14ac:dyDescent="0.2">
      <c r="A291" s="51">
        <v>231</v>
      </c>
    </row>
    <row r="292" spans="1:1" ht="20.25" customHeight="1" x14ac:dyDescent="0.2">
      <c r="A292" s="51"/>
    </row>
    <row r="293" spans="1:1" ht="20.25" customHeight="1" x14ac:dyDescent="0.2">
      <c r="A293" s="51">
        <v>232</v>
      </c>
    </row>
    <row r="294" spans="1:1" ht="20.25" customHeight="1" x14ac:dyDescent="0.2">
      <c r="A294" s="51"/>
    </row>
    <row r="295" spans="1:1" ht="20.25" customHeight="1" x14ac:dyDescent="0.2">
      <c r="A295" s="51">
        <v>233</v>
      </c>
    </row>
    <row r="296" spans="1:1" ht="20.25" customHeight="1" x14ac:dyDescent="0.2">
      <c r="A296" s="51"/>
    </row>
    <row r="297" spans="1:1" ht="20.25" customHeight="1" x14ac:dyDescent="0.2">
      <c r="A297" s="51">
        <v>234</v>
      </c>
    </row>
    <row r="298" spans="1:1" ht="20.25" customHeight="1" x14ac:dyDescent="0.2">
      <c r="A298" s="51"/>
    </row>
    <row r="299" spans="1:1" ht="20.25" customHeight="1" x14ac:dyDescent="0.2">
      <c r="A299" s="51">
        <v>235</v>
      </c>
    </row>
    <row r="300" spans="1:1" ht="20.25" customHeight="1" x14ac:dyDescent="0.2">
      <c r="A300" s="51"/>
    </row>
    <row r="301" spans="1:1" ht="20.25" customHeight="1" x14ac:dyDescent="0.2">
      <c r="A301" s="51">
        <v>236</v>
      </c>
    </row>
    <row r="302" spans="1:1" ht="20.25" customHeight="1" x14ac:dyDescent="0.2">
      <c r="A302" s="51"/>
    </row>
    <row r="303" spans="1:1" ht="20.25" customHeight="1" x14ac:dyDescent="0.2">
      <c r="A303" s="51">
        <v>237</v>
      </c>
    </row>
    <row r="304" spans="1:1" ht="20.25" customHeight="1" x14ac:dyDescent="0.2">
      <c r="A304" s="51"/>
    </row>
    <row r="305" spans="1:1" ht="20.25" customHeight="1" x14ac:dyDescent="0.2">
      <c r="A305" s="51">
        <v>238</v>
      </c>
    </row>
    <row r="306" spans="1:1" ht="20.25" customHeight="1" x14ac:dyDescent="0.2">
      <c r="A306" s="51"/>
    </row>
    <row r="307" spans="1:1" ht="20.25" customHeight="1" x14ac:dyDescent="0.2">
      <c r="A307" s="51">
        <v>239</v>
      </c>
    </row>
    <row r="308" spans="1:1" ht="20.25" customHeight="1" x14ac:dyDescent="0.2">
      <c r="A308" s="51"/>
    </row>
    <row r="309" spans="1:1" ht="20.25" customHeight="1" x14ac:dyDescent="0.2">
      <c r="A309" s="51">
        <v>240</v>
      </c>
    </row>
    <row r="310" spans="1:1" ht="20.25" customHeight="1" x14ac:dyDescent="0.2">
      <c r="A310" s="51"/>
    </row>
    <row r="311" spans="1:1" ht="20.25" customHeight="1" x14ac:dyDescent="0.2">
      <c r="A311" s="51">
        <v>241</v>
      </c>
    </row>
    <row r="312" spans="1:1" ht="20.25" customHeight="1" x14ac:dyDescent="0.2">
      <c r="A312" s="51"/>
    </row>
    <row r="313" spans="1:1" ht="20.25" customHeight="1" x14ac:dyDescent="0.2">
      <c r="A313" s="51">
        <v>242</v>
      </c>
    </row>
    <row r="314" spans="1:1" ht="20.25" customHeight="1" x14ac:dyDescent="0.2">
      <c r="A314" s="51"/>
    </row>
    <row r="315" spans="1:1" ht="20.25" customHeight="1" x14ac:dyDescent="0.2">
      <c r="A315" s="51">
        <v>243</v>
      </c>
    </row>
    <row r="316" spans="1:1" ht="20.25" customHeight="1" x14ac:dyDescent="0.2">
      <c r="A316" s="51"/>
    </row>
    <row r="317" spans="1:1" ht="20.25" customHeight="1" x14ac:dyDescent="0.2">
      <c r="A317" s="51">
        <v>244</v>
      </c>
    </row>
    <row r="318" spans="1:1" ht="20.25" customHeight="1" x14ac:dyDescent="0.2">
      <c r="A318" s="51"/>
    </row>
    <row r="319" spans="1:1" ht="20.25" customHeight="1" x14ac:dyDescent="0.2">
      <c r="A319" s="51">
        <v>245</v>
      </c>
    </row>
    <row r="320" spans="1:1" ht="20.25" customHeight="1" x14ac:dyDescent="0.2">
      <c r="A320" s="51"/>
    </row>
    <row r="321" spans="1:1" ht="20.25" customHeight="1" x14ac:dyDescent="0.2">
      <c r="A321" s="51">
        <v>246</v>
      </c>
    </row>
    <row r="322" spans="1:1" ht="20.25" customHeight="1" x14ac:dyDescent="0.2">
      <c r="A322" s="51"/>
    </row>
    <row r="323" spans="1:1" ht="20.25" customHeight="1" x14ac:dyDescent="0.2">
      <c r="A323" s="51">
        <v>247</v>
      </c>
    </row>
    <row r="324" spans="1:1" ht="20.25" customHeight="1" x14ac:dyDescent="0.2">
      <c r="A324" s="51"/>
    </row>
    <row r="325" spans="1:1" ht="20.25" customHeight="1" x14ac:dyDescent="0.2">
      <c r="A325" s="51">
        <v>248</v>
      </c>
    </row>
    <row r="326" spans="1:1" ht="20.25" customHeight="1" x14ac:dyDescent="0.2">
      <c r="A326" s="51"/>
    </row>
    <row r="327" spans="1:1" ht="20.25" customHeight="1" x14ac:dyDescent="0.2">
      <c r="A327" s="51">
        <v>249</v>
      </c>
    </row>
    <row r="328" spans="1:1" ht="20.25" customHeight="1" x14ac:dyDescent="0.2">
      <c r="A328" s="51"/>
    </row>
    <row r="329" spans="1:1" ht="20.25" customHeight="1" x14ac:dyDescent="0.2">
      <c r="A329" s="51">
        <v>250</v>
      </c>
    </row>
    <row r="330" spans="1:1" ht="20.25" customHeight="1" x14ac:dyDescent="0.2">
      <c r="A330" s="51"/>
    </row>
    <row r="331" spans="1:1" ht="20.25" customHeight="1" x14ac:dyDescent="0.2">
      <c r="A331" s="51">
        <v>251</v>
      </c>
    </row>
    <row r="332" spans="1:1" ht="20.25" customHeight="1" x14ac:dyDescent="0.2">
      <c r="A332" s="51"/>
    </row>
    <row r="333" spans="1:1" ht="20.25" customHeight="1" x14ac:dyDescent="0.2">
      <c r="A333" s="51">
        <v>252</v>
      </c>
    </row>
    <row r="334" spans="1:1" ht="20.25" customHeight="1" x14ac:dyDescent="0.2">
      <c r="A334" s="51"/>
    </row>
    <row r="335" spans="1:1" ht="20.25" customHeight="1" x14ac:dyDescent="0.2">
      <c r="A335" s="51">
        <v>253</v>
      </c>
    </row>
    <row r="336" spans="1:1" ht="20.25" customHeight="1" x14ac:dyDescent="0.2">
      <c r="A336" s="51"/>
    </row>
    <row r="337" spans="1:1" ht="20.25" customHeight="1" x14ac:dyDescent="0.2">
      <c r="A337" s="51">
        <v>254</v>
      </c>
    </row>
    <row r="338" spans="1:1" ht="20.25" customHeight="1" x14ac:dyDescent="0.2">
      <c r="A338" s="51"/>
    </row>
    <row r="339" spans="1:1" ht="20.25" customHeight="1" x14ac:dyDescent="0.2">
      <c r="A339" s="51">
        <v>255</v>
      </c>
    </row>
    <row r="340" spans="1:1" ht="20.25" customHeight="1" x14ac:dyDescent="0.2">
      <c r="A340" s="51"/>
    </row>
    <row r="341" spans="1:1" ht="20.25" customHeight="1" x14ac:dyDescent="0.2">
      <c r="A341" s="51">
        <v>256</v>
      </c>
    </row>
    <row r="342" spans="1:1" ht="20.25" customHeight="1" x14ac:dyDescent="0.2">
      <c r="A342" s="51"/>
    </row>
    <row r="343" spans="1:1" ht="20.25" customHeight="1" x14ac:dyDescent="0.2">
      <c r="A343" s="51">
        <v>257</v>
      </c>
    </row>
    <row r="344" spans="1:1" ht="20.25" customHeight="1" x14ac:dyDescent="0.2">
      <c r="A344" s="51"/>
    </row>
    <row r="345" spans="1:1" ht="20.25" customHeight="1" x14ac:dyDescent="0.2">
      <c r="A345" s="51">
        <v>258</v>
      </c>
    </row>
    <row r="346" spans="1:1" ht="20.25" customHeight="1" x14ac:dyDescent="0.2">
      <c r="A346" s="51"/>
    </row>
    <row r="347" spans="1:1" ht="20.25" customHeight="1" x14ac:dyDescent="0.2">
      <c r="A347" s="51">
        <v>259</v>
      </c>
    </row>
    <row r="348" spans="1:1" ht="20.25" customHeight="1" x14ac:dyDescent="0.2">
      <c r="A348" s="51"/>
    </row>
    <row r="349" spans="1:1" ht="20.25" customHeight="1" x14ac:dyDescent="0.2">
      <c r="A349" s="51">
        <v>260</v>
      </c>
    </row>
    <row r="350" spans="1:1" ht="20.25" customHeight="1" x14ac:dyDescent="0.2">
      <c r="A350" s="51"/>
    </row>
    <row r="351" spans="1:1" ht="20.25" customHeight="1" x14ac:dyDescent="0.2">
      <c r="A351" s="51">
        <v>261</v>
      </c>
    </row>
    <row r="352" spans="1:1" ht="20.25" customHeight="1" x14ac:dyDescent="0.2">
      <c r="A352" s="51"/>
    </row>
    <row r="353" spans="1:1" ht="20.25" customHeight="1" x14ac:dyDescent="0.2">
      <c r="A353" s="51">
        <v>262</v>
      </c>
    </row>
    <row r="354" spans="1:1" ht="20.25" customHeight="1" x14ac:dyDescent="0.2">
      <c r="A354" s="51"/>
    </row>
    <row r="355" spans="1:1" ht="20.25" customHeight="1" x14ac:dyDescent="0.2">
      <c r="A355" s="51">
        <v>263</v>
      </c>
    </row>
    <row r="356" spans="1:1" ht="20.25" customHeight="1" x14ac:dyDescent="0.2">
      <c r="A356" s="51"/>
    </row>
    <row r="357" spans="1:1" ht="20.25" customHeight="1" x14ac:dyDescent="0.2">
      <c r="A357" s="51">
        <v>264</v>
      </c>
    </row>
    <row r="358" spans="1:1" ht="20.25" customHeight="1" x14ac:dyDescent="0.2">
      <c r="A358" s="51"/>
    </row>
    <row r="359" spans="1:1" ht="20.25" customHeight="1" x14ac:dyDescent="0.2">
      <c r="A359" s="51">
        <v>265</v>
      </c>
    </row>
    <row r="360" spans="1:1" ht="20.25" customHeight="1" x14ac:dyDescent="0.2">
      <c r="A360" s="51"/>
    </row>
    <row r="361" spans="1:1" ht="20.25" customHeight="1" x14ac:dyDescent="0.2">
      <c r="A361" s="51">
        <v>266</v>
      </c>
    </row>
    <row r="362" spans="1:1" ht="20.25" customHeight="1" x14ac:dyDescent="0.2">
      <c r="A362" s="51"/>
    </row>
    <row r="363" spans="1:1" ht="20.25" customHeight="1" x14ac:dyDescent="0.2">
      <c r="A363" s="51">
        <v>267</v>
      </c>
    </row>
    <row r="364" spans="1:1" ht="20.25" customHeight="1" x14ac:dyDescent="0.2">
      <c r="A364" s="51"/>
    </row>
    <row r="365" spans="1:1" ht="20.25" customHeight="1" x14ac:dyDescent="0.2">
      <c r="A365" s="51">
        <v>268</v>
      </c>
    </row>
    <row r="366" spans="1:1" ht="20.25" customHeight="1" x14ac:dyDescent="0.2">
      <c r="A366" s="51"/>
    </row>
    <row r="367" spans="1:1" ht="20.25" customHeight="1" x14ac:dyDescent="0.2">
      <c r="A367" s="51">
        <v>269</v>
      </c>
    </row>
    <row r="368" spans="1:1" ht="20.25" customHeight="1" x14ac:dyDescent="0.2">
      <c r="A368" s="51"/>
    </row>
    <row r="369" spans="1:1" ht="20.25" customHeight="1" x14ac:dyDescent="0.2">
      <c r="A369" s="51">
        <v>270</v>
      </c>
    </row>
    <row r="370" spans="1:1" ht="20.25" customHeight="1" x14ac:dyDescent="0.2">
      <c r="A370" s="51"/>
    </row>
    <row r="371" spans="1:1" ht="20.25" customHeight="1" x14ac:dyDescent="0.2">
      <c r="A371" s="51">
        <v>271</v>
      </c>
    </row>
    <row r="372" spans="1:1" ht="20.25" customHeight="1" x14ac:dyDescent="0.2">
      <c r="A372" s="51"/>
    </row>
    <row r="373" spans="1:1" ht="20.25" customHeight="1" x14ac:dyDescent="0.2">
      <c r="A373" s="51">
        <v>272</v>
      </c>
    </row>
    <row r="374" spans="1:1" ht="20.25" customHeight="1" x14ac:dyDescent="0.2">
      <c r="A374" s="51"/>
    </row>
    <row r="375" spans="1:1" ht="20.25" customHeight="1" x14ac:dyDescent="0.2">
      <c r="A375" s="51">
        <v>273</v>
      </c>
    </row>
    <row r="376" spans="1:1" ht="20.25" customHeight="1" x14ac:dyDescent="0.2">
      <c r="A376" s="51"/>
    </row>
    <row r="377" spans="1:1" ht="20.25" customHeight="1" x14ac:dyDescent="0.2">
      <c r="A377" s="51">
        <v>274</v>
      </c>
    </row>
    <row r="378" spans="1:1" ht="20.25" customHeight="1" x14ac:dyDescent="0.2">
      <c r="A378" s="51"/>
    </row>
    <row r="379" spans="1:1" ht="20.25" customHeight="1" x14ac:dyDescent="0.2">
      <c r="A379" s="51">
        <v>275</v>
      </c>
    </row>
    <row r="380" spans="1:1" ht="20.25" customHeight="1" x14ac:dyDescent="0.2">
      <c r="A380" s="51"/>
    </row>
    <row r="381" spans="1:1" ht="20.25" customHeight="1" x14ac:dyDescent="0.2">
      <c r="A381" s="51">
        <v>276</v>
      </c>
    </row>
    <row r="382" spans="1:1" ht="20.25" customHeight="1" x14ac:dyDescent="0.2">
      <c r="A382" s="51"/>
    </row>
    <row r="383" spans="1:1" ht="20.25" customHeight="1" x14ac:dyDescent="0.2">
      <c r="A383" s="51">
        <v>277</v>
      </c>
    </row>
    <row r="384" spans="1:1" ht="20.25" customHeight="1" x14ac:dyDescent="0.2">
      <c r="A384" s="51"/>
    </row>
    <row r="385" spans="1:1" ht="20.25" customHeight="1" x14ac:dyDescent="0.2">
      <c r="A385" s="51">
        <v>278</v>
      </c>
    </row>
    <row r="386" spans="1:1" ht="20.25" customHeight="1" x14ac:dyDescent="0.2">
      <c r="A386" s="51"/>
    </row>
    <row r="387" spans="1:1" ht="20.25" customHeight="1" x14ac:dyDescent="0.2">
      <c r="A387" s="51">
        <v>279</v>
      </c>
    </row>
    <row r="388" spans="1:1" ht="20.25" customHeight="1" x14ac:dyDescent="0.2">
      <c r="A388" s="51"/>
    </row>
    <row r="389" spans="1:1" ht="20.25" customHeight="1" x14ac:dyDescent="0.2">
      <c r="A389" s="51">
        <v>280</v>
      </c>
    </row>
    <row r="390" spans="1:1" ht="20.25" customHeight="1" x14ac:dyDescent="0.2">
      <c r="A390" s="51"/>
    </row>
    <row r="391" spans="1:1" ht="20.25" customHeight="1" x14ac:dyDescent="0.2">
      <c r="A391" s="51">
        <v>281</v>
      </c>
    </row>
    <row r="392" spans="1:1" ht="20.25" customHeight="1" x14ac:dyDescent="0.2">
      <c r="A392" s="51"/>
    </row>
    <row r="393" spans="1:1" ht="20.25" customHeight="1" x14ac:dyDescent="0.2">
      <c r="A393" s="51">
        <v>282</v>
      </c>
    </row>
    <row r="394" spans="1:1" ht="20.25" customHeight="1" x14ac:dyDescent="0.2">
      <c r="A394" s="51"/>
    </row>
    <row r="395" spans="1:1" ht="20.25" customHeight="1" x14ac:dyDescent="0.2">
      <c r="A395" s="51">
        <v>283</v>
      </c>
    </row>
    <row r="396" spans="1:1" ht="20.25" customHeight="1" x14ac:dyDescent="0.2">
      <c r="A396" s="51"/>
    </row>
    <row r="397" spans="1:1" ht="20.25" customHeight="1" x14ac:dyDescent="0.2">
      <c r="A397" s="51">
        <v>284</v>
      </c>
    </row>
    <row r="398" spans="1:1" ht="20.25" customHeight="1" x14ac:dyDescent="0.2">
      <c r="A398" s="51"/>
    </row>
    <row r="399" spans="1:1" ht="20.25" customHeight="1" x14ac:dyDescent="0.2">
      <c r="A399" s="51">
        <v>285</v>
      </c>
    </row>
    <row r="400" spans="1:1" ht="20.25" customHeight="1" x14ac:dyDescent="0.2">
      <c r="A400" s="51"/>
    </row>
    <row r="401" spans="1:1" ht="20.25" customHeight="1" x14ac:dyDescent="0.2">
      <c r="A401" s="51">
        <v>286</v>
      </c>
    </row>
    <row r="402" spans="1:1" ht="20.25" customHeight="1" x14ac:dyDescent="0.2">
      <c r="A402" s="51"/>
    </row>
    <row r="403" spans="1:1" ht="20.25" customHeight="1" x14ac:dyDescent="0.2">
      <c r="A403" s="51">
        <v>287</v>
      </c>
    </row>
    <row r="404" spans="1:1" ht="20.25" customHeight="1" x14ac:dyDescent="0.2">
      <c r="A404" s="51"/>
    </row>
    <row r="405" spans="1:1" ht="20.25" customHeight="1" x14ac:dyDescent="0.2">
      <c r="A405" s="51">
        <v>288</v>
      </c>
    </row>
    <row r="406" spans="1:1" ht="20.25" customHeight="1" x14ac:dyDescent="0.2">
      <c r="A406" s="51"/>
    </row>
    <row r="407" spans="1:1" ht="20.25" customHeight="1" x14ac:dyDescent="0.2">
      <c r="A407" s="51">
        <v>289</v>
      </c>
    </row>
    <row r="408" spans="1:1" ht="20.25" customHeight="1" x14ac:dyDescent="0.2">
      <c r="A408" s="51"/>
    </row>
    <row r="409" spans="1:1" ht="20.25" customHeight="1" x14ac:dyDescent="0.2">
      <c r="A409" s="51">
        <v>290</v>
      </c>
    </row>
    <row r="410" spans="1:1" ht="20.25" customHeight="1" x14ac:dyDescent="0.2">
      <c r="A410" s="51"/>
    </row>
    <row r="411" spans="1:1" ht="20.25" customHeight="1" x14ac:dyDescent="0.2">
      <c r="A411" s="51">
        <v>291</v>
      </c>
    </row>
    <row r="412" spans="1:1" ht="20.25" customHeight="1" x14ac:dyDescent="0.2">
      <c r="A412" s="51"/>
    </row>
    <row r="413" spans="1:1" ht="20.25" customHeight="1" x14ac:dyDescent="0.2">
      <c r="A413" s="51">
        <v>292</v>
      </c>
    </row>
    <row r="414" spans="1:1" ht="20.25" customHeight="1" x14ac:dyDescent="0.2">
      <c r="A414" s="51"/>
    </row>
    <row r="415" spans="1:1" ht="20.25" customHeight="1" x14ac:dyDescent="0.2">
      <c r="A415" s="51">
        <v>293</v>
      </c>
    </row>
    <row r="416" spans="1:1" ht="20.25" customHeight="1" x14ac:dyDescent="0.2">
      <c r="A416" s="51"/>
    </row>
    <row r="417" spans="1:1" ht="20.25" customHeight="1" x14ac:dyDescent="0.2">
      <c r="A417" s="51">
        <v>294</v>
      </c>
    </row>
    <row r="418" spans="1:1" ht="20.25" customHeight="1" x14ac:dyDescent="0.2">
      <c r="A418" s="51"/>
    </row>
    <row r="419" spans="1:1" ht="20.25" customHeight="1" x14ac:dyDescent="0.2">
      <c r="A419" s="51">
        <v>295</v>
      </c>
    </row>
    <row r="420" spans="1:1" ht="20.25" customHeight="1" x14ac:dyDescent="0.2">
      <c r="A420" s="51"/>
    </row>
    <row r="421" spans="1:1" ht="20.25" customHeight="1" x14ac:dyDescent="0.2">
      <c r="A421" s="51">
        <v>296</v>
      </c>
    </row>
    <row r="422" spans="1:1" ht="20.25" customHeight="1" x14ac:dyDescent="0.2">
      <c r="A422" s="51"/>
    </row>
    <row r="423" spans="1:1" ht="20.25" customHeight="1" x14ac:dyDescent="0.2">
      <c r="A423" s="51">
        <v>297</v>
      </c>
    </row>
    <row r="424" spans="1:1" ht="20.25" customHeight="1" x14ac:dyDescent="0.2">
      <c r="A424" s="51"/>
    </row>
    <row r="425" spans="1:1" ht="20.25" customHeight="1" x14ac:dyDescent="0.2">
      <c r="A425" s="51">
        <v>298</v>
      </c>
    </row>
    <row r="426" spans="1:1" ht="20.25" customHeight="1" x14ac:dyDescent="0.2">
      <c r="A426" s="51"/>
    </row>
    <row r="427" spans="1:1" ht="20.25" customHeight="1" x14ac:dyDescent="0.2">
      <c r="A427" s="51">
        <v>299</v>
      </c>
    </row>
    <row r="428" spans="1:1" ht="20.25" customHeight="1" x14ac:dyDescent="0.2">
      <c r="A428" s="51"/>
    </row>
    <row r="429" spans="1:1" ht="20.25" customHeight="1" x14ac:dyDescent="0.2">
      <c r="A429" s="51">
        <v>300</v>
      </c>
    </row>
    <row r="430" spans="1:1" ht="20.25" customHeight="1" x14ac:dyDescent="0.2">
      <c r="A430" s="51"/>
    </row>
    <row r="431" spans="1:1" ht="20.25" customHeight="1" x14ac:dyDescent="0.2">
      <c r="A431" s="51">
        <v>301</v>
      </c>
    </row>
    <row r="432" spans="1:1" ht="20.25" customHeight="1" x14ac:dyDescent="0.2">
      <c r="A432" s="51"/>
    </row>
    <row r="433" spans="1:1" ht="20.25" customHeight="1" x14ac:dyDescent="0.2">
      <c r="A433" s="51">
        <v>302</v>
      </c>
    </row>
    <row r="434" spans="1:1" ht="20.25" customHeight="1" x14ac:dyDescent="0.2">
      <c r="A434" s="51"/>
    </row>
    <row r="435" spans="1:1" ht="20.25" customHeight="1" x14ac:dyDescent="0.2">
      <c r="A435" s="51">
        <v>303</v>
      </c>
    </row>
    <row r="436" spans="1:1" ht="20.25" customHeight="1" x14ac:dyDescent="0.2">
      <c r="A436" s="51"/>
    </row>
    <row r="437" spans="1:1" ht="20.25" customHeight="1" x14ac:dyDescent="0.2">
      <c r="A437" s="51">
        <v>304</v>
      </c>
    </row>
    <row r="438" spans="1:1" ht="20.25" customHeight="1" x14ac:dyDescent="0.2">
      <c r="A438" s="51"/>
    </row>
    <row r="439" spans="1:1" ht="20.25" customHeight="1" x14ac:dyDescent="0.2">
      <c r="A439" s="51">
        <v>305</v>
      </c>
    </row>
    <row r="440" spans="1:1" ht="20.25" customHeight="1" x14ac:dyDescent="0.2">
      <c r="A440" s="51"/>
    </row>
    <row r="441" spans="1:1" ht="20.25" customHeight="1" x14ac:dyDescent="0.2">
      <c r="A441" s="51">
        <v>306</v>
      </c>
    </row>
    <row r="442" spans="1:1" ht="20.25" customHeight="1" x14ac:dyDescent="0.2">
      <c r="A442" s="51"/>
    </row>
    <row r="443" spans="1:1" ht="20.25" customHeight="1" x14ac:dyDescent="0.2">
      <c r="A443" s="51">
        <v>307</v>
      </c>
    </row>
    <row r="444" spans="1:1" ht="20.25" customHeight="1" x14ac:dyDescent="0.2">
      <c r="A444" s="51"/>
    </row>
    <row r="445" spans="1:1" ht="20.25" customHeight="1" x14ac:dyDescent="0.2">
      <c r="A445" s="51">
        <v>308</v>
      </c>
    </row>
    <row r="446" spans="1:1" ht="20.25" customHeight="1" x14ac:dyDescent="0.2">
      <c r="A446" s="51"/>
    </row>
    <row r="447" spans="1:1" ht="20.25" customHeight="1" x14ac:dyDescent="0.2">
      <c r="A447" s="51">
        <v>309</v>
      </c>
    </row>
    <row r="448" spans="1:1" ht="20.25" customHeight="1" x14ac:dyDescent="0.2">
      <c r="A448" s="51"/>
    </row>
    <row r="449" spans="1:1" ht="20.25" customHeight="1" x14ac:dyDescent="0.2">
      <c r="A449" s="51">
        <v>310</v>
      </c>
    </row>
    <row r="450" spans="1:1" ht="20.25" customHeight="1" x14ac:dyDescent="0.2">
      <c r="A450" s="51"/>
    </row>
    <row r="451" spans="1:1" ht="20.25" customHeight="1" x14ac:dyDescent="0.2">
      <c r="A451" s="51">
        <v>311</v>
      </c>
    </row>
    <row r="452" spans="1:1" ht="20.25" customHeight="1" x14ac:dyDescent="0.2">
      <c r="A452" s="51"/>
    </row>
    <row r="453" spans="1:1" ht="20.25" customHeight="1" x14ac:dyDescent="0.2">
      <c r="A453" s="51">
        <v>312</v>
      </c>
    </row>
    <row r="454" spans="1:1" ht="20.25" customHeight="1" x14ac:dyDescent="0.2">
      <c r="A454" s="51"/>
    </row>
    <row r="455" spans="1:1" ht="20.25" customHeight="1" x14ac:dyDescent="0.2">
      <c r="A455" s="51">
        <v>313</v>
      </c>
    </row>
    <row r="456" spans="1:1" ht="20.25" customHeight="1" x14ac:dyDescent="0.2">
      <c r="A456" s="51"/>
    </row>
    <row r="457" spans="1:1" ht="20.25" customHeight="1" x14ac:dyDescent="0.2">
      <c r="A457" s="51">
        <v>314</v>
      </c>
    </row>
    <row r="458" spans="1:1" ht="20.25" customHeight="1" x14ac:dyDescent="0.2">
      <c r="A458" s="51"/>
    </row>
    <row r="459" spans="1:1" ht="20.25" customHeight="1" x14ac:dyDescent="0.2">
      <c r="A459" s="51">
        <v>315</v>
      </c>
    </row>
    <row r="460" spans="1:1" ht="20.25" customHeight="1" x14ac:dyDescent="0.2">
      <c r="A460" s="51"/>
    </row>
    <row r="461" spans="1:1" ht="20.25" customHeight="1" x14ac:dyDescent="0.2">
      <c r="A461" s="51">
        <v>316</v>
      </c>
    </row>
    <row r="462" spans="1:1" ht="20.25" customHeight="1" x14ac:dyDescent="0.2">
      <c r="A462" s="51"/>
    </row>
    <row r="463" spans="1:1" ht="20.25" customHeight="1" x14ac:dyDescent="0.2">
      <c r="A463" s="51">
        <v>317</v>
      </c>
    </row>
    <row r="464" spans="1:1" ht="20.25" customHeight="1" x14ac:dyDescent="0.2">
      <c r="A464" s="51"/>
    </row>
    <row r="465" spans="1:1" ht="20.25" customHeight="1" x14ac:dyDescent="0.2">
      <c r="A465" s="51">
        <v>318</v>
      </c>
    </row>
    <row r="466" spans="1:1" ht="20.25" customHeight="1" x14ac:dyDescent="0.2">
      <c r="A466" s="51"/>
    </row>
    <row r="467" spans="1:1" ht="20.25" customHeight="1" x14ac:dyDescent="0.2">
      <c r="A467" s="51">
        <v>319</v>
      </c>
    </row>
    <row r="468" spans="1:1" ht="20.25" customHeight="1" x14ac:dyDescent="0.2">
      <c r="A468" s="51"/>
    </row>
    <row r="469" spans="1:1" ht="20.25" customHeight="1" x14ac:dyDescent="0.2">
      <c r="A469" s="51">
        <v>320</v>
      </c>
    </row>
    <row r="470" spans="1:1" ht="20.25" customHeight="1" x14ac:dyDescent="0.2">
      <c r="A470" s="51"/>
    </row>
    <row r="471" spans="1:1" ht="20.25" customHeight="1" x14ac:dyDescent="0.2">
      <c r="A471" s="51">
        <v>321</v>
      </c>
    </row>
    <row r="472" spans="1:1" ht="20.25" customHeight="1" x14ac:dyDescent="0.2">
      <c r="A472" s="51"/>
    </row>
    <row r="473" spans="1:1" ht="20.25" customHeight="1" x14ac:dyDescent="0.2">
      <c r="A473" s="51">
        <v>322</v>
      </c>
    </row>
    <row r="474" spans="1:1" ht="20.25" customHeight="1" x14ac:dyDescent="0.2">
      <c r="A474" s="51"/>
    </row>
    <row r="475" spans="1:1" ht="20.25" customHeight="1" x14ac:dyDescent="0.2">
      <c r="A475" s="51">
        <v>323</v>
      </c>
    </row>
    <row r="476" spans="1:1" ht="20.25" customHeight="1" x14ac:dyDescent="0.2">
      <c r="A476" s="51"/>
    </row>
    <row r="477" spans="1:1" ht="20.25" customHeight="1" x14ac:dyDescent="0.2">
      <c r="A477" s="51">
        <v>324</v>
      </c>
    </row>
    <row r="478" spans="1:1" ht="20.25" customHeight="1" x14ac:dyDescent="0.2">
      <c r="A478" s="51"/>
    </row>
    <row r="479" spans="1:1" ht="20.25" customHeight="1" x14ac:dyDescent="0.2">
      <c r="A479" s="51">
        <v>325</v>
      </c>
    </row>
    <row r="480" spans="1:1" ht="20.25" customHeight="1" x14ac:dyDescent="0.2">
      <c r="A480" s="51"/>
    </row>
    <row r="481" spans="1:1" ht="20.25" customHeight="1" x14ac:dyDescent="0.2">
      <c r="A481" s="51">
        <v>326</v>
      </c>
    </row>
    <row r="482" spans="1:1" ht="20.25" customHeight="1" x14ac:dyDescent="0.2">
      <c r="A482" s="51"/>
    </row>
    <row r="483" spans="1:1" ht="20.25" customHeight="1" x14ac:dyDescent="0.2">
      <c r="A483" s="51">
        <v>327</v>
      </c>
    </row>
    <row r="484" spans="1:1" ht="20.25" customHeight="1" x14ac:dyDescent="0.2">
      <c r="A484" s="51"/>
    </row>
    <row r="485" spans="1:1" ht="20.25" customHeight="1" x14ac:dyDescent="0.2">
      <c r="A485" s="51">
        <v>328</v>
      </c>
    </row>
    <row r="486" spans="1:1" ht="20.25" customHeight="1" x14ac:dyDescent="0.2">
      <c r="A486" s="51"/>
    </row>
    <row r="487" spans="1:1" ht="20.25" customHeight="1" x14ac:dyDescent="0.2">
      <c r="A487" s="51">
        <v>329</v>
      </c>
    </row>
    <row r="488" spans="1:1" ht="20.25" customHeight="1" x14ac:dyDescent="0.2">
      <c r="A488" s="51"/>
    </row>
    <row r="489" spans="1:1" ht="20.25" customHeight="1" x14ac:dyDescent="0.2">
      <c r="A489" s="51">
        <v>330</v>
      </c>
    </row>
    <row r="490" spans="1:1" ht="20.25" customHeight="1" x14ac:dyDescent="0.2">
      <c r="A490" s="51"/>
    </row>
    <row r="491" spans="1:1" ht="20.25" customHeight="1" x14ac:dyDescent="0.2">
      <c r="A491" s="51">
        <v>331</v>
      </c>
    </row>
    <row r="492" spans="1:1" ht="20.25" customHeight="1" x14ac:dyDescent="0.2">
      <c r="A492" s="51"/>
    </row>
    <row r="493" spans="1:1" ht="20.25" customHeight="1" x14ac:dyDescent="0.2">
      <c r="A493" s="51">
        <v>332</v>
      </c>
    </row>
    <row r="494" spans="1:1" ht="20.25" customHeight="1" x14ac:dyDescent="0.2">
      <c r="A494" s="51"/>
    </row>
    <row r="495" spans="1:1" ht="20.25" customHeight="1" x14ac:dyDescent="0.2">
      <c r="A495" s="51">
        <v>333</v>
      </c>
    </row>
    <row r="496" spans="1:1" ht="20.25" customHeight="1" x14ac:dyDescent="0.2">
      <c r="A496" s="51"/>
    </row>
    <row r="497" spans="1:1" ht="20.25" customHeight="1" x14ac:dyDescent="0.2">
      <c r="A497" s="51">
        <v>334</v>
      </c>
    </row>
    <row r="498" spans="1:1" ht="20.25" customHeight="1" x14ac:dyDescent="0.2">
      <c r="A498" s="51"/>
    </row>
    <row r="499" spans="1:1" ht="20.25" customHeight="1" x14ac:dyDescent="0.2">
      <c r="A499" s="51">
        <v>335</v>
      </c>
    </row>
    <row r="500" spans="1:1" ht="20.25" customHeight="1" x14ac:dyDescent="0.2">
      <c r="A500" s="51"/>
    </row>
    <row r="501" spans="1:1" ht="20.25" customHeight="1" x14ac:dyDescent="0.2">
      <c r="A501" s="51">
        <v>336</v>
      </c>
    </row>
    <row r="502" spans="1:1" ht="20.25" customHeight="1" x14ac:dyDescent="0.2">
      <c r="A502" s="51"/>
    </row>
    <row r="503" spans="1:1" ht="20.25" customHeight="1" x14ac:dyDescent="0.2">
      <c r="A503" s="51">
        <v>337</v>
      </c>
    </row>
    <row r="504" spans="1:1" ht="20.25" customHeight="1" x14ac:dyDescent="0.2">
      <c r="A504" s="51"/>
    </row>
    <row r="505" spans="1:1" ht="20.25" customHeight="1" x14ac:dyDescent="0.2">
      <c r="A505" s="51">
        <v>338</v>
      </c>
    </row>
    <row r="506" spans="1:1" ht="20.25" customHeight="1" x14ac:dyDescent="0.2">
      <c r="A506" s="51"/>
    </row>
    <row r="507" spans="1:1" ht="20.25" customHeight="1" x14ac:dyDescent="0.2">
      <c r="A507" s="51">
        <v>339</v>
      </c>
    </row>
    <row r="508" spans="1:1" ht="20.25" customHeight="1" x14ac:dyDescent="0.2">
      <c r="A508" s="51"/>
    </row>
    <row r="509" spans="1:1" ht="20.25" customHeight="1" x14ac:dyDescent="0.2">
      <c r="A509" s="51">
        <v>340</v>
      </c>
    </row>
    <row r="510" spans="1:1" ht="20.25" customHeight="1" x14ac:dyDescent="0.2">
      <c r="A510" s="51"/>
    </row>
    <row r="511" spans="1:1" ht="20.25" customHeight="1" x14ac:dyDescent="0.2">
      <c r="A511" s="51">
        <v>341</v>
      </c>
    </row>
    <row r="512" spans="1:1" ht="20.25" customHeight="1" x14ac:dyDescent="0.2">
      <c r="A512" s="51"/>
    </row>
    <row r="513" spans="1:1" ht="20.25" customHeight="1" x14ac:dyDescent="0.2">
      <c r="A513" s="51">
        <v>342</v>
      </c>
    </row>
    <row r="514" spans="1:1" ht="20.25" customHeight="1" x14ac:dyDescent="0.2">
      <c r="A514" s="51"/>
    </row>
    <row r="515" spans="1:1" ht="20.25" customHeight="1" x14ac:dyDescent="0.2">
      <c r="A515" s="51">
        <v>343</v>
      </c>
    </row>
    <row r="516" spans="1:1" ht="20.25" customHeight="1" x14ac:dyDescent="0.2">
      <c r="A516" s="51"/>
    </row>
    <row r="517" spans="1:1" ht="20.25" customHeight="1" x14ac:dyDescent="0.2">
      <c r="A517" s="51">
        <v>344</v>
      </c>
    </row>
    <row r="518" spans="1:1" ht="20.25" customHeight="1" x14ac:dyDescent="0.2">
      <c r="A518" s="51"/>
    </row>
    <row r="519" spans="1:1" ht="20.25" customHeight="1" x14ac:dyDescent="0.2">
      <c r="A519" s="51">
        <v>345</v>
      </c>
    </row>
    <row r="520" spans="1:1" ht="20.25" customHeight="1" x14ac:dyDescent="0.2">
      <c r="A520" s="51"/>
    </row>
    <row r="521" spans="1:1" ht="20.25" customHeight="1" x14ac:dyDescent="0.2">
      <c r="A521" s="51">
        <v>346</v>
      </c>
    </row>
    <row r="522" spans="1:1" ht="20.25" customHeight="1" x14ac:dyDescent="0.2">
      <c r="A522" s="51"/>
    </row>
    <row r="523" spans="1:1" ht="20.25" customHeight="1" x14ac:dyDescent="0.2">
      <c r="A523" s="51">
        <v>347</v>
      </c>
    </row>
    <row r="524" spans="1:1" ht="20.25" customHeight="1" x14ac:dyDescent="0.2">
      <c r="A524" s="51"/>
    </row>
    <row r="525" spans="1:1" ht="20.25" customHeight="1" x14ac:dyDescent="0.2">
      <c r="A525" s="51">
        <v>348</v>
      </c>
    </row>
    <row r="526" spans="1:1" ht="20.25" customHeight="1" x14ac:dyDescent="0.2">
      <c r="A526" s="51"/>
    </row>
    <row r="527" spans="1:1" ht="20.25" customHeight="1" x14ac:dyDescent="0.2">
      <c r="A527" s="51">
        <v>349</v>
      </c>
    </row>
    <row r="528" spans="1:1" ht="20.25" customHeight="1" x14ac:dyDescent="0.2">
      <c r="A528" s="51"/>
    </row>
    <row r="529" spans="1:1" ht="20.25" customHeight="1" x14ac:dyDescent="0.2">
      <c r="A529" s="51">
        <v>350</v>
      </c>
    </row>
    <row r="530" spans="1:1" ht="20.25" customHeight="1" x14ac:dyDescent="0.2">
      <c r="A530" s="51"/>
    </row>
    <row r="531" spans="1:1" ht="20.25" customHeight="1" x14ac:dyDescent="0.2">
      <c r="A531" s="51">
        <v>351</v>
      </c>
    </row>
    <row r="532" spans="1:1" ht="20.25" customHeight="1" x14ac:dyDescent="0.2">
      <c r="A532" s="51"/>
    </row>
    <row r="533" spans="1:1" ht="20.25" customHeight="1" x14ac:dyDescent="0.2">
      <c r="A533" s="51">
        <v>352</v>
      </c>
    </row>
    <row r="534" spans="1:1" ht="20.25" customHeight="1" x14ac:dyDescent="0.2">
      <c r="A534" s="51"/>
    </row>
    <row r="535" spans="1:1" ht="20.25" customHeight="1" x14ac:dyDescent="0.2">
      <c r="A535" s="51">
        <v>353</v>
      </c>
    </row>
    <row r="536" spans="1:1" ht="20.25" customHeight="1" x14ac:dyDescent="0.2">
      <c r="A536" s="51"/>
    </row>
    <row r="537" spans="1:1" ht="20.25" customHeight="1" x14ac:dyDescent="0.2">
      <c r="A537" s="51">
        <v>354</v>
      </c>
    </row>
    <row r="538" spans="1:1" ht="20.25" customHeight="1" x14ac:dyDescent="0.2">
      <c r="A538" s="51"/>
    </row>
    <row r="539" spans="1:1" ht="20.25" customHeight="1" x14ac:dyDescent="0.2">
      <c r="A539" s="51">
        <v>355</v>
      </c>
    </row>
    <row r="540" spans="1:1" ht="20.25" customHeight="1" x14ac:dyDescent="0.2">
      <c r="A540" s="51"/>
    </row>
    <row r="541" spans="1:1" ht="20.25" customHeight="1" x14ac:dyDescent="0.2">
      <c r="A541" s="51">
        <v>356</v>
      </c>
    </row>
    <row r="542" spans="1:1" ht="20.25" customHeight="1" x14ac:dyDescent="0.2">
      <c r="A542" s="51"/>
    </row>
    <row r="543" spans="1:1" ht="20.25" customHeight="1" x14ac:dyDescent="0.2">
      <c r="A543" s="51">
        <v>357</v>
      </c>
    </row>
    <row r="544" spans="1:1" ht="20.25" customHeight="1" x14ac:dyDescent="0.2">
      <c r="A544" s="51"/>
    </row>
    <row r="545" spans="1:1" ht="20.25" customHeight="1" x14ac:dyDescent="0.2">
      <c r="A545" s="51">
        <v>358</v>
      </c>
    </row>
    <row r="546" spans="1:1" ht="20.25" customHeight="1" x14ac:dyDescent="0.2">
      <c r="A546" s="51"/>
    </row>
    <row r="547" spans="1:1" ht="20.25" customHeight="1" x14ac:dyDescent="0.2">
      <c r="A547" s="51">
        <v>359</v>
      </c>
    </row>
    <row r="548" spans="1:1" ht="20.25" customHeight="1" x14ac:dyDescent="0.2">
      <c r="A548" s="51"/>
    </row>
    <row r="549" spans="1:1" ht="20.25" customHeight="1" x14ac:dyDescent="0.2">
      <c r="A549" s="51">
        <v>360</v>
      </c>
    </row>
    <row r="550" spans="1:1" ht="20.25" customHeight="1" x14ac:dyDescent="0.2">
      <c r="A550" s="51"/>
    </row>
    <row r="551" spans="1:1" ht="20.25" customHeight="1" x14ac:dyDescent="0.2">
      <c r="A551" s="51">
        <v>361</v>
      </c>
    </row>
    <row r="552" spans="1:1" ht="20.25" customHeight="1" x14ac:dyDescent="0.2">
      <c r="A552" s="51"/>
    </row>
    <row r="553" spans="1:1" ht="20.25" customHeight="1" x14ac:dyDescent="0.2">
      <c r="A553" s="51">
        <v>362</v>
      </c>
    </row>
    <row r="554" spans="1:1" ht="20.25" customHeight="1" x14ac:dyDescent="0.2">
      <c r="A554" s="51"/>
    </row>
    <row r="555" spans="1:1" ht="20.25" customHeight="1" x14ac:dyDescent="0.2">
      <c r="A555" s="51">
        <v>363</v>
      </c>
    </row>
    <row r="556" spans="1:1" ht="20.25" customHeight="1" x14ac:dyDescent="0.2">
      <c r="A556" s="51"/>
    </row>
    <row r="557" spans="1:1" ht="20.25" customHeight="1" x14ac:dyDescent="0.2">
      <c r="A557" s="51">
        <v>364</v>
      </c>
    </row>
    <row r="558" spans="1:1" ht="20.25" customHeight="1" x14ac:dyDescent="0.2">
      <c r="A558" s="51"/>
    </row>
    <row r="559" spans="1:1" ht="20.25" customHeight="1" x14ac:dyDescent="0.2">
      <c r="A559" s="51">
        <v>365</v>
      </c>
    </row>
    <row r="560" spans="1:1" ht="20.25" customHeight="1" x14ac:dyDescent="0.2">
      <c r="A560" s="51"/>
    </row>
    <row r="561" spans="1:1" ht="20.25" customHeight="1" x14ac:dyDescent="0.2">
      <c r="A561" s="51">
        <v>366</v>
      </c>
    </row>
    <row r="562" spans="1:1" ht="20.25" customHeight="1" x14ac:dyDescent="0.2">
      <c r="A562" s="51"/>
    </row>
    <row r="563" spans="1:1" ht="20.25" customHeight="1" x14ac:dyDescent="0.2">
      <c r="A563" s="51">
        <v>367</v>
      </c>
    </row>
    <row r="564" spans="1:1" ht="20.25" customHeight="1" x14ac:dyDescent="0.2">
      <c r="A564" s="51"/>
    </row>
    <row r="565" spans="1:1" ht="20.25" customHeight="1" x14ac:dyDescent="0.2">
      <c r="A565" s="51">
        <v>368</v>
      </c>
    </row>
    <row r="566" spans="1:1" ht="20.25" customHeight="1" x14ac:dyDescent="0.2">
      <c r="A566" s="51"/>
    </row>
    <row r="567" spans="1:1" ht="20.25" customHeight="1" x14ac:dyDescent="0.2">
      <c r="A567" s="51">
        <v>369</v>
      </c>
    </row>
    <row r="568" spans="1:1" ht="20.25" customHeight="1" x14ac:dyDescent="0.2">
      <c r="A568" s="51"/>
    </row>
    <row r="569" spans="1:1" ht="20.25" customHeight="1" x14ac:dyDescent="0.2">
      <c r="A569" s="51">
        <v>370</v>
      </c>
    </row>
    <row r="570" spans="1:1" ht="20.25" customHeight="1" x14ac:dyDescent="0.2">
      <c r="A570" s="51"/>
    </row>
    <row r="571" spans="1:1" ht="20.25" customHeight="1" x14ac:dyDescent="0.2">
      <c r="A571" s="51">
        <v>371</v>
      </c>
    </row>
    <row r="572" spans="1:1" ht="20.25" customHeight="1" x14ac:dyDescent="0.2">
      <c r="A572" s="51"/>
    </row>
    <row r="573" spans="1:1" ht="20.25" customHeight="1" x14ac:dyDescent="0.2">
      <c r="A573" s="51">
        <v>372</v>
      </c>
    </row>
    <row r="574" spans="1:1" ht="20.25" customHeight="1" x14ac:dyDescent="0.2">
      <c r="A574" s="51"/>
    </row>
    <row r="575" spans="1:1" ht="20.25" customHeight="1" x14ac:dyDescent="0.2">
      <c r="A575" s="51">
        <v>373</v>
      </c>
    </row>
    <row r="576" spans="1:1" ht="20.25" customHeight="1" x14ac:dyDescent="0.2">
      <c r="A576" s="51"/>
    </row>
    <row r="577" spans="1:1" ht="20.25" customHeight="1" x14ac:dyDescent="0.2">
      <c r="A577" s="51">
        <v>374</v>
      </c>
    </row>
    <row r="578" spans="1:1" ht="20.25" customHeight="1" x14ac:dyDescent="0.2">
      <c r="A578" s="51"/>
    </row>
    <row r="579" spans="1:1" ht="20.25" customHeight="1" x14ac:dyDescent="0.2">
      <c r="A579" s="51">
        <v>375</v>
      </c>
    </row>
    <row r="580" spans="1:1" ht="20.25" customHeight="1" x14ac:dyDescent="0.2">
      <c r="A580" s="51"/>
    </row>
    <row r="581" spans="1:1" ht="20.25" customHeight="1" x14ac:dyDescent="0.2">
      <c r="A581" s="51">
        <v>376</v>
      </c>
    </row>
    <row r="582" spans="1:1" ht="20.25" customHeight="1" x14ac:dyDescent="0.2">
      <c r="A582" s="51"/>
    </row>
    <row r="583" spans="1:1" ht="20.25" customHeight="1" x14ac:dyDescent="0.2">
      <c r="A583" s="51">
        <v>377</v>
      </c>
    </row>
    <row r="584" spans="1:1" ht="20.25" customHeight="1" x14ac:dyDescent="0.2">
      <c r="A584" s="51"/>
    </row>
    <row r="585" spans="1:1" ht="20.25" customHeight="1" x14ac:dyDescent="0.2">
      <c r="A585" s="51">
        <v>378</v>
      </c>
    </row>
    <row r="586" spans="1:1" ht="20.25" customHeight="1" x14ac:dyDescent="0.2">
      <c r="A586" s="51"/>
    </row>
    <row r="587" spans="1:1" ht="20.25" customHeight="1" x14ac:dyDescent="0.2">
      <c r="A587" s="51">
        <v>379</v>
      </c>
    </row>
    <row r="588" spans="1:1" ht="20.25" customHeight="1" x14ac:dyDescent="0.2">
      <c r="A588" s="51"/>
    </row>
    <row r="589" spans="1:1" ht="20.25" customHeight="1" x14ac:dyDescent="0.2">
      <c r="A589" s="51">
        <v>380</v>
      </c>
    </row>
    <row r="590" spans="1:1" ht="20.25" customHeight="1" x14ac:dyDescent="0.2">
      <c r="A590" s="51"/>
    </row>
    <row r="591" spans="1:1" ht="20.25" customHeight="1" x14ac:dyDescent="0.2">
      <c r="A591" s="51">
        <v>381</v>
      </c>
    </row>
    <row r="592" spans="1:1" ht="20.25" customHeight="1" x14ac:dyDescent="0.2">
      <c r="A592" s="51"/>
    </row>
    <row r="593" spans="1:1" ht="20.25" customHeight="1" x14ac:dyDescent="0.2">
      <c r="A593" s="51">
        <v>382</v>
      </c>
    </row>
    <row r="594" spans="1:1" ht="20.25" customHeight="1" x14ac:dyDescent="0.2">
      <c r="A594" s="51"/>
    </row>
    <row r="595" spans="1:1" ht="20.25" customHeight="1" x14ac:dyDescent="0.2">
      <c r="A595" s="51">
        <v>383</v>
      </c>
    </row>
    <row r="596" spans="1:1" ht="20.25" customHeight="1" x14ac:dyDescent="0.2">
      <c r="A596" s="51"/>
    </row>
    <row r="597" spans="1:1" ht="20.25" customHeight="1" x14ac:dyDescent="0.2">
      <c r="A597" s="51">
        <v>384</v>
      </c>
    </row>
    <row r="598" spans="1:1" ht="20.25" customHeight="1" x14ac:dyDescent="0.2">
      <c r="A598" s="51"/>
    </row>
    <row r="599" spans="1:1" ht="20.25" customHeight="1" x14ac:dyDescent="0.2">
      <c r="A599" s="51">
        <v>385</v>
      </c>
    </row>
    <row r="600" spans="1:1" ht="20.25" customHeight="1" x14ac:dyDescent="0.2">
      <c r="A600" s="51"/>
    </row>
    <row r="601" spans="1:1" ht="20.25" customHeight="1" x14ac:dyDescent="0.2">
      <c r="A601" s="51">
        <v>386</v>
      </c>
    </row>
    <row r="602" spans="1:1" ht="20.25" customHeight="1" x14ac:dyDescent="0.2">
      <c r="A602" s="51"/>
    </row>
    <row r="603" spans="1:1" ht="20.25" customHeight="1" x14ac:dyDescent="0.2">
      <c r="A603" s="51">
        <v>387</v>
      </c>
    </row>
    <row r="604" spans="1:1" ht="20.25" customHeight="1" x14ac:dyDescent="0.2">
      <c r="A604" s="51"/>
    </row>
    <row r="605" spans="1:1" ht="20.25" customHeight="1" x14ac:dyDescent="0.2">
      <c r="A605" s="51">
        <v>388</v>
      </c>
    </row>
    <row r="606" spans="1:1" ht="20.25" customHeight="1" x14ac:dyDescent="0.2">
      <c r="A606" s="51"/>
    </row>
    <row r="607" spans="1:1" ht="20.25" customHeight="1" x14ac:dyDescent="0.2">
      <c r="A607" s="51">
        <v>389</v>
      </c>
    </row>
    <row r="608" spans="1:1" ht="20.25" customHeight="1" x14ac:dyDescent="0.2">
      <c r="A608" s="51"/>
    </row>
    <row r="609" spans="1:1" ht="20.25" customHeight="1" x14ac:dyDescent="0.2">
      <c r="A609" s="51">
        <v>390</v>
      </c>
    </row>
    <row r="610" spans="1:1" ht="20.25" customHeight="1" x14ac:dyDescent="0.2">
      <c r="A610" s="51"/>
    </row>
    <row r="611" spans="1:1" ht="20.25" customHeight="1" x14ac:dyDescent="0.2">
      <c r="A611" s="51">
        <v>391</v>
      </c>
    </row>
    <row r="612" spans="1:1" ht="20.25" customHeight="1" x14ac:dyDescent="0.2">
      <c r="A612" s="51"/>
    </row>
    <row r="613" spans="1:1" ht="20.25" customHeight="1" x14ac:dyDescent="0.2">
      <c r="A613" s="51">
        <v>392</v>
      </c>
    </row>
    <row r="614" spans="1:1" ht="20.25" customHeight="1" x14ac:dyDescent="0.2">
      <c r="A614" s="51"/>
    </row>
    <row r="615" spans="1:1" ht="20.25" customHeight="1" x14ac:dyDescent="0.2">
      <c r="A615" s="51">
        <v>393</v>
      </c>
    </row>
    <row r="616" spans="1:1" ht="20.25" customHeight="1" x14ac:dyDescent="0.2">
      <c r="A616" s="51"/>
    </row>
    <row r="617" spans="1:1" ht="20.25" customHeight="1" x14ac:dyDescent="0.2">
      <c r="A617" s="51">
        <v>394</v>
      </c>
    </row>
    <row r="618" spans="1:1" ht="20.25" customHeight="1" x14ac:dyDescent="0.2">
      <c r="A618" s="51"/>
    </row>
    <row r="619" spans="1:1" ht="20.25" customHeight="1" x14ac:dyDescent="0.2">
      <c r="A619" s="51">
        <v>395</v>
      </c>
    </row>
    <row r="620" spans="1:1" ht="20.25" customHeight="1" x14ac:dyDescent="0.2">
      <c r="A620" s="51"/>
    </row>
    <row r="621" spans="1:1" ht="20.25" customHeight="1" x14ac:dyDescent="0.2">
      <c r="A621" s="51">
        <v>396</v>
      </c>
    </row>
    <row r="622" spans="1:1" ht="20.25" customHeight="1" x14ac:dyDescent="0.2">
      <c r="A622" s="51"/>
    </row>
    <row r="623" spans="1:1" ht="20.25" customHeight="1" x14ac:dyDescent="0.2">
      <c r="A623" s="51">
        <v>397</v>
      </c>
    </row>
    <row r="624" spans="1:1" ht="20.25" customHeight="1" x14ac:dyDescent="0.2">
      <c r="A624" s="51"/>
    </row>
    <row r="625" spans="1:1" ht="20.25" customHeight="1" x14ac:dyDescent="0.2">
      <c r="A625" s="51">
        <v>398</v>
      </c>
    </row>
    <row r="626" spans="1:1" ht="20.25" customHeight="1" x14ac:dyDescent="0.2">
      <c r="A626" s="51"/>
    </row>
    <row r="627" spans="1:1" ht="20.25" customHeight="1" x14ac:dyDescent="0.2">
      <c r="A627" s="51">
        <v>399</v>
      </c>
    </row>
    <row r="628" spans="1:1" ht="20.25" customHeight="1" x14ac:dyDescent="0.2">
      <c r="A628" s="51"/>
    </row>
    <row r="629" spans="1:1" ht="20.25" customHeight="1" x14ac:dyDescent="0.2">
      <c r="A629" s="51">
        <v>400</v>
      </c>
    </row>
    <row r="630" spans="1:1" ht="20.25" customHeight="1" x14ac:dyDescent="0.2">
      <c r="A630" s="51"/>
    </row>
    <row r="631" spans="1:1" ht="20.25" customHeight="1" x14ac:dyDescent="0.2">
      <c r="A631" s="51">
        <v>401</v>
      </c>
    </row>
    <row r="632" spans="1:1" ht="20.25" customHeight="1" x14ac:dyDescent="0.2">
      <c r="A632" s="51"/>
    </row>
    <row r="633" spans="1:1" ht="20.25" customHeight="1" x14ac:dyDescent="0.2">
      <c r="A633" s="51">
        <v>402</v>
      </c>
    </row>
    <row r="634" spans="1:1" ht="20.25" customHeight="1" x14ac:dyDescent="0.2">
      <c r="A634" s="51"/>
    </row>
    <row r="635" spans="1:1" ht="20.25" customHeight="1" x14ac:dyDescent="0.2">
      <c r="A635" s="51">
        <v>403</v>
      </c>
    </row>
    <row r="636" spans="1:1" ht="20.25" customHeight="1" x14ac:dyDescent="0.2">
      <c r="A636" s="51"/>
    </row>
    <row r="637" spans="1:1" ht="20.25" customHeight="1" x14ac:dyDescent="0.2">
      <c r="A637" s="51">
        <v>404</v>
      </c>
    </row>
    <row r="638" spans="1:1" ht="20.25" customHeight="1" x14ac:dyDescent="0.2">
      <c r="A638" s="51"/>
    </row>
    <row r="639" spans="1:1" ht="20.25" customHeight="1" x14ac:dyDescent="0.2">
      <c r="A639" s="51">
        <v>405</v>
      </c>
    </row>
    <row r="640" spans="1:1" ht="20.25" customHeight="1" x14ac:dyDescent="0.2">
      <c r="A640" s="51"/>
    </row>
    <row r="641" spans="1:1" ht="20.25" customHeight="1" x14ac:dyDescent="0.2">
      <c r="A641" s="51">
        <v>406</v>
      </c>
    </row>
    <row r="642" spans="1:1" ht="20.25" customHeight="1" x14ac:dyDescent="0.2">
      <c r="A642" s="51"/>
    </row>
    <row r="643" spans="1:1" ht="20.25" customHeight="1" x14ac:dyDescent="0.2">
      <c r="A643" s="51">
        <v>407</v>
      </c>
    </row>
    <row r="644" spans="1:1" ht="20.25" customHeight="1" x14ac:dyDescent="0.2">
      <c r="A644" s="51"/>
    </row>
    <row r="645" spans="1:1" ht="20.25" customHeight="1" x14ac:dyDescent="0.2">
      <c r="A645" s="51">
        <v>408</v>
      </c>
    </row>
    <row r="646" spans="1:1" ht="20.25" customHeight="1" x14ac:dyDescent="0.2">
      <c r="A646" s="51"/>
    </row>
    <row r="647" spans="1:1" ht="20.25" customHeight="1" x14ac:dyDescent="0.2">
      <c r="A647" s="51">
        <v>409</v>
      </c>
    </row>
    <row r="648" spans="1:1" ht="20.25" customHeight="1" x14ac:dyDescent="0.2">
      <c r="A648" s="51"/>
    </row>
    <row r="649" spans="1:1" ht="20.25" customHeight="1" x14ac:dyDescent="0.2">
      <c r="A649" s="51">
        <v>410</v>
      </c>
    </row>
    <row r="650" spans="1:1" ht="20.25" customHeight="1" x14ac:dyDescent="0.2">
      <c r="A650" s="51"/>
    </row>
    <row r="651" spans="1:1" ht="20.25" customHeight="1" x14ac:dyDescent="0.2">
      <c r="A651" s="51">
        <v>411</v>
      </c>
    </row>
    <row r="652" spans="1:1" ht="20.25" customHeight="1" x14ac:dyDescent="0.2">
      <c r="A652" s="51"/>
    </row>
    <row r="653" spans="1:1" ht="20.25" customHeight="1" x14ac:dyDescent="0.2">
      <c r="A653" s="51">
        <v>412</v>
      </c>
    </row>
    <row r="654" spans="1:1" ht="20.25" customHeight="1" x14ac:dyDescent="0.2">
      <c r="A654" s="51"/>
    </row>
    <row r="655" spans="1:1" ht="20.25" customHeight="1" x14ac:dyDescent="0.2">
      <c r="A655" s="51">
        <v>413</v>
      </c>
    </row>
    <row r="656" spans="1:1" ht="20.25" customHeight="1" x14ac:dyDescent="0.2">
      <c r="A656" s="51"/>
    </row>
    <row r="657" spans="1:1" ht="20.25" customHeight="1" x14ac:dyDescent="0.2">
      <c r="A657" s="51">
        <v>414</v>
      </c>
    </row>
    <row r="658" spans="1:1" ht="20.25" customHeight="1" x14ac:dyDescent="0.2">
      <c r="A658" s="51"/>
    </row>
    <row r="659" spans="1:1" ht="20.25" customHeight="1" x14ac:dyDescent="0.2">
      <c r="A659" s="51">
        <v>415</v>
      </c>
    </row>
    <row r="660" spans="1:1" ht="20.25" customHeight="1" x14ac:dyDescent="0.2">
      <c r="A660" s="51"/>
    </row>
    <row r="661" spans="1:1" ht="20.25" customHeight="1" x14ac:dyDescent="0.2">
      <c r="A661" s="51">
        <v>416</v>
      </c>
    </row>
    <row r="662" spans="1:1" ht="20.25" customHeight="1" x14ac:dyDescent="0.2">
      <c r="A662" s="51"/>
    </row>
    <row r="663" spans="1:1" ht="20.25" customHeight="1" x14ac:dyDescent="0.2">
      <c r="A663" s="51">
        <v>417</v>
      </c>
    </row>
    <row r="664" spans="1:1" ht="20.25" customHeight="1" x14ac:dyDescent="0.2">
      <c r="A664" s="51"/>
    </row>
    <row r="665" spans="1:1" ht="20.25" customHeight="1" x14ac:dyDescent="0.2">
      <c r="A665" s="51">
        <v>418</v>
      </c>
    </row>
    <row r="666" spans="1:1" ht="20.25" customHeight="1" x14ac:dyDescent="0.2">
      <c r="A666" s="51"/>
    </row>
    <row r="667" spans="1:1" ht="20.25" customHeight="1" x14ac:dyDescent="0.2">
      <c r="A667" s="51">
        <v>419</v>
      </c>
    </row>
    <row r="668" spans="1:1" ht="20.25" customHeight="1" x14ac:dyDescent="0.2">
      <c r="A668" s="51"/>
    </row>
    <row r="669" spans="1:1" ht="20.25" customHeight="1" x14ac:dyDescent="0.2">
      <c r="A669" s="51">
        <v>420</v>
      </c>
    </row>
    <row r="670" spans="1:1" ht="20.25" customHeight="1" x14ac:dyDescent="0.2">
      <c r="A670" s="51"/>
    </row>
    <row r="671" spans="1:1" ht="20.25" customHeight="1" x14ac:dyDescent="0.2">
      <c r="A671" s="51">
        <v>421</v>
      </c>
    </row>
    <row r="672" spans="1:1" ht="20.25" customHeight="1" x14ac:dyDescent="0.2">
      <c r="A672" s="51"/>
    </row>
    <row r="673" spans="1:1" ht="20.25" customHeight="1" x14ac:dyDescent="0.2">
      <c r="A673" s="51">
        <v>422</v>
      </c>
    </row>
    <row r="674" spans="1:1" ht="20.25" customHeight="1" x14ac:dyDescent="0.2">
      <c r="A674" s="51"/>
    </row>
    <row r="675" spans="1:1" ht="20.25" customHeight="1" x14ac:dyDescent="0.2">
      <c r="A675" s="51">
        <v>423</v>
      </c>
    </row>
    <row r="676" spans="1:1" ht="20.25" customHeight="1" x14ac:dyDescent="0.2">
      <c r="A676" s="51"/>
    </row>
    <row r="677" spans="1:1" ht="20.25" customHeight="1" x14ac:dyDescent="0.2">
      <c r="A677" s="51">
        <v>424</v>
      </c>
    </row>
    <row r="678" spans="1:1" ht="20.25" customHeight="1" x14ac:dyDescent="0.2">
      <c r="A678" s="51"/>
    </row>
    <row r="679" spans="1:1" ht="20.25" customHeight="1" x14ac:dyDescent="0.2">
      <c r="A679" s="51">
        <v>425</v>
      </c>
    </row>
    <row r="680" spans="1:1" ht="20.25" customHeight="1" x14ac:dyDescent="0.2">
      <c r="A680" s="51"/>
    </row>
    <row r="681" spans="1:1" ht="20.25" customHeight="1" x14ac:dyDescent="0.2">
      <c r="A681" s="51">
        <v>426</v>
      </c>
    </row>
    <row r="682" spans="1:1" ht="20.25" customHeight="1" x14ac:dyDescent="0.2">
      <c r="A682" s="51"/>
    </row>
    <row r="683" spans="1:1" ht="20.25" customHeight="1" x14ac:dyDescent="0.2">
      <c r="A683" s="51">
        <v>427</v>
      </c>
    </row>
    <row r="684" spans="1:1" ht="20.25" customHeight="1" x14ac:dyDescent="0.2">
      <c r="A684" s="51"/>
    </row>
    <row r="685" spans="1:1" ht="20.25" customHeight="1" x14ac:dyDescent="0.2">
      <c r="A685" s="51">
        <v>428</v>
      </c>
    </row>
    <row r="686" spans="1:1" ht="20.25" customHeight="1" x14ac:dyDescent="0.2">
      <c r="A686" s="51"/>
    </row>
    <row r="687" spans="1:1" ht="20.25" customHeight="1" x14ac:dyDescent="0.2">
      <c r="A687" s="51">
        <v>429</v>
      </c>
    </row>
    <row r="688" spans="1:1" ht="20.25" customHeight="1" x14ac:dyDescent="0.2">
      <c r="A688" s="51"/>
    </row>
    <row r="689" spans="1:1" ht="20.25" customHeight="1" x14ac:dyDescent="0.2">
      <c r="A689" s="51">
        <v>430</v>
      </c>
    </row>
    <row r="690" spans="1:1" ht="20.25" customHeight="1" x14ac:dyDescent="0.2">
      <c r="A690" s="51"/>
    </row>
    <row r="691" spans="1:1" ht="20.25" customHeight="1" x14ac:dyDescent="0.2">
      <c r="A691" s="51">
        <v>431</v>
      </c>
    </row>
    <row r="692" spans="1:1" ht="20.25" customHeight="1" x14ac:dyDescent="0.2">
      <c r="A692" s="51"/>
    </row>
    <row r="693" spans="1:1" ht="20.25" customHeight="1" x14ac:dyDescent="0.2">
      <c r="A693" s="51">
        <v>432</v>
      </c>
    </row>
    <row r="694" spans="1:1" ht="20.25" customHeight="1" x14ac:dyDescent="0.2">
      <c r="A694" s="51"/>
    </row>
    <row r="695" spans="1:1" ht="20.25" customHeight="1" x14ac:dyDescent="0.2">
      <c r="A695" s="51">
        <v>433</v>
      </c>
    </row>
    <row r="696" spans="1:1" ht="20.25" customHeight="1" x14ac:dyDescent="0.2">
      <c r="A696" s="51"/>
    </row>
    <row r="697" spans="1:1" ht="20.25" customHeight="1" x14ac:dyDescent="0.2">
      <c r="A697" s="51">
        <v>434</v>
      </c>
    </row>
    <row r="698" spans="1:1" ht="20.25" customHeight="1" x14ac:dyDescent="0.2">
      <c r="A698" s="51"/>
    </row>
    <row r="699" spans="1:1" ht="20.25" customHeight="1" x14ac:dyDescent="0.2">
      <c r="A699" s="51">
        <v>435</v>
      </c>
    </row>
    <row r="700" spans="1:1" ht="20.25" customHeight="1" x14ac:dyDescent="0.2">
      <c r="A700" s="51"/>
    </row>
    <row r="701" spans="1:1" ht="20.25" customHeight="1" x14ac:dyDescent="0.2">
      <c r="A701" s="51">
        <v>436</v>
      </c>
    </row>
    <row r="702" spans="1:1" ht="20.25" customHeight="1" x14ac:dyDescent="0.2">
      <c r="A702" s="51"/>
    </row>
    <row r="703" spans="1:1" ht="20.25" customHeight="1" x14ac:dyDescent="0.2">
      <c r="A703" s="51">
        <v>437</v>
      </c>
    </row>
    <row r="704" spans="1:1" ht="20.25" customHeight="1" x14ac:dyDescent="0.2">
      <c r="A704" s="51"/>
    </row>
    <row r="705" spans="1:1" ht="20.25" customHeight="1" x14ac:dyDescent="0.2">
      <c r="A705" s="51">
        <v>438</v>
      </c>
    </row>
    <row r="706" spans="1:1" ht="20.25" customHeight="1" x14ac:dyDescent="0.2">
      <c r="A706" s="51"/>
    </row>
    <row r="707" spans="1:1" ht="20.25" customHeight="1" x14ac:dyDescent="0.2">
      <c r="A707" s="51">
        <v>439</v>
      </c>
    </row>
    <row r="708" spans="1:1" ht="20.25" customHeight="1" x14ac:dyDescent="0.2">
      <c r="A708" s="51"/>
    </row>
    <row r="709" spans="1:1" ht="20.25" customHeight="1" x14ac:dyDescent="0.2">
      <c r="A709" s="51">
        <v>440</v>
      </c>
    </row>
    <row r="710" spans="1:1" ht="20.25" customHeight="1" x14ac:dyDescent="0.2">
      <c r="A710" s="51"/>
    </row>
    <row r="711" spans="1:1" ht="20.25" customHeight="1" x14ac:dyDescent="0.2">
      <c r="A711" s="51">
        <v>441</v>
      </c>
    </row>
    <row r="712" spans="1:1" ht="20.25" customHeight="1" x14ac:dyDescent="0.2">
      <c r="A712" s="51"/>
    </row>
    <row r="713" spans="1:1" ht="20.25" customHeight="1" x14ac:dyDescent="0.2">
      <c r="A713" s="51">
        <v>442</v>
      </c>
    </row>
    <row r="714" spans="1:1" ht="20.25" customHeight="1" x14ac:dyDescent="0.2">
      <c r="A714" s="51"/>
    </row>
    <row r="715" spans="1:1" ht="20.25" customHeight="1" x14ac:dyDescent="0.2">
      <c r="A715" s="51">
        <v>443</v>
      </c>
    </row>
    <row r="716" spans="1:1" ht="20.25" customHeight="1" x14ac:dyDescent="0.2">
      <c r="A716" s="51"/>
    </row>
    <row r="717" spans="1:1" ht="20.25" customHeight="1" x14ac:dyDescent="0.2">
      <c r="A717" s="51">
        <v>444</v>
      </c>
    </row>
    <row r="718" spans="1:1" ht="20.25" customHeight="1" x14ac:dyDescent="0.2">
      <c r="A718" s="51"/>
    </row>
    <row r="719" spans="1:1" ht="20.25" customHeight="1" x14ac:dyDescent="0.2">
      <c r="A719" s="51">
        <v>445</v>
      </c>
    </row>
    <row r="720" spans="1:1" ht="20.25" customHeight="1" x14ac:dyDescent="0.2">
      <c r="A720" s="51"/>
    </row>
    <row r="721" spans="1:1" ht="20.25" customHeight="1" x14ac:dyDescent="0.2">
      <c r="A721" s="51">
        <v>446</v>
      </c>
    </row>
    <row r="722" spans="1:1" ht="20.25" customHeight="1" x14ac:dyDescent="0.2">
      <c r="A722" s="51"/>
    </row>
    <row r="723" spans="1:1" ht="20.25" customHeight="1" x14ac:dyDescent="0.2">
      <c r="A723" s="51">
        <v>447</v>
      </c>
    </row>
    <row r="724" spans="1:1" ht="20.25" customHeight="1" x14ac:dyDescent="0.2">
      <c r="A724" s="51"/>
    </row>
    <row r="725" spans="1:1" ht="20.25" customHeight="1" x14ac:dyDescent="0.2">
      <c r="A725" s="51">
        <v>448</v>
      </c>
    </row>
    <row r="726" spans="1:1" ht="20.25" customHeight="1" x14ac:dyDescent="0.2">
      <c r="A726" s="51"/>
    </row>
    <row r="727" spans="1:1" ht="20.25" customHeight="1" x14ac:dyDescent="0.2">
      <c r="A727" s="51">
        <v>449</v>
      </c>
    </row>
    <row r="728" spans="1:1" ht="20.25" customHeight="1" x14ac:dyDescent="0.2">
      <c r="A728" s="51"/>
    </row>
    <row r="729" spans="1:1" ht="20.25" customHeight="1" x14ac:dyDescent="0.2">
      <c r="A729" s="51">
        <v>450</v>
      </c>
    </row>
    <row r="730" spans="1:1" ht="20.25" customHeight="1" x14ac:dyDescent="0.2">
      <c r="A730" s="51"/>
    </row>
    <row r="731" spans="1:1" ht="20.25" customHeight="1" x14ac:dyDescent="0.2">
      <c r="A731" s="51">
        <v>451</v>
      </c>
    </row>
    <row r="732" spans="1:1" ht="20.25" customHeight="1" x14ac:dyDescent="0.2">
      <c r="A732" s="51"/>
    </row>
    <row r="733" spans="1:1" ht="20.25" customHeight="1" x14ac:dyDescent="0.2">
      <c r="A733" s="51">
        <v>452</v>
      </c>
    </row>
    <row r="734" spans="1:1" ht="20.25" customHeight="1" x14ac:dyDescent="0.2">
      <c r="A734" s="51"/>
    </row>
    <row r="735" spans="1:1" ht="20.25" customHeight="1" x14ac:dyDescent="0.2">
      <c r="A735" s="51">
        <v>453</v>
      </c>
    </row>
    <row r="736" spans="1:1" ht="20.25" customHeight="1" x14ac:dyDescent="0.2">
      <c r="A736" s="51"/>
    </row>
    <row r="737" spans="1:1" ht="20.25" customHeight="1" x14ac:dyDescent="0.2">
      <c r="A737" s="51">
        <v>454</v>
      </c>
    </row>
    <row r="738" spans="1:1" ht="20.25" customHeight="1" x14ac:dyDescent="0.2">
      <c r="A738" s="51"/>
    </row>
    <row r="739" spans="1:1" ht="20.25" customHeight="1" x14ac:dyDescent="0.2">
      <c r="A739" s="51">
        <v>455</v>
      </c>
    </row>
    <row r="740" spans="1:1" ht="20.25" customHeight="1" x14ac:dyDescent="0.2">
      <c r="A740" s="51"/>
    </row>
    <row r="741" spans="1:1" ht="20.25" customHeight="1" x14ac:dyDescent="0.2">
      <c r="A741" s="51">
        <v>456</v>
      </c>
    </row>
    <row r="742" spans="1:1" ht="20.25" customHeight="1" x14ac:dyDescent="0.2">
      <c r="A742" s="51"/>
    </row>
    <row r="743" spans="1:1" ht="20.25" customHeight="1" x14ac:dyDescent="0.2">
      <c r="A743" s="51">
        <v>457</v>
      </c>
    </row>
    <row r="744" spans="1:1" ht="20.25" customHeight="1" x14ac:dyDescent="0.2">
      <c r="A744" s="51"/>
    </row>
    <row r="745" spans="1:1" ht="20.25" customHeight="1" x14ac:dyDescent="0.2">
      <c r="A745" s="51">
        <v>458</v>
      </c>
    </row>
    <row r="746" spans="1:1" ht="20.25" customHeight="1" x14ac:dyDescent="0.2">
      <c r="A746" s="51"/>
    </row>
    <row r="747" spans="1:1" ht="20.25" customHeight="1" x14ac:dyDescent="0.2">
      <c r="A747" s="51">
        <v>459</v>
      </c>
    </row>
    <row r="748" spans="1:1" ht="20.25" customHeight="1" x14ac:dyDescent="0.2">
      <c r="A748" s="51"/>
    </row>
    <row r="749" spans="1:1" ht="20.25" customHeight="1" x14ac:dyDescent="0.2">
      <c r="A749" s="51">
        <v>460</v>
      </c>
    </row>
    <row r="750" spans="1:1" ht="20.25" customHeight="1" x14ac:dyDescent="0.2">
      <c r="A750" s="51"/>
    </row>
    <row r="751" spans="1:1" ht="20.25" customHeight="1" x14ac:dyDescent="0.2">
      <c r="A751" s="51">
        <v>461</v>
      </c>
    </row>
    <row r="752" spans="1:1" ht="20.25" customHeight="1" x14ac:dyDescent="0.2">
      <c r="A752" s="51"/>
    </row>
    <row r="753" spans="1:1" ht="20.25" customHeight="1" x14ac:dyDescent="0.2">
      <c r="A753" s="51">
        <v>462</v>
      </c>
    </row>
    <row r="754" spans="1:1" ht="20.25" customHeight="1" x14ac:dyDescent="0.2">
      <c r="A754" s="51"/>
    </row>
    <row r="755" spans="1:1" ht="20.25" customHeight="1" x14ac:dyDescent="0.2">
      <c r="A755" s="51">
        <v>463</v>
      </c>
    </row>
    <row r="756" spans="1:1" ht="20.25" customHeight="1" x14ac:dyDescent="0.2">
      <c r="A756" s="51"/>
    </row>
    <row r="757" spans="1:1" ht="20.25" customHeight="1" x14ac:dyDescent="0.2">
      <c r="A757" s="51">
        <v>464</v>
      </c>
    </row>
    <row r="758" spans="1:1" ht="20.25" customHeight="1" x14ac:dyDescent="0.2">
      <c r="A758" s="51"/>
    </row>
    <row r="759" spans="1:1" ht="20.25" customHeight="1" x14ac:dyDescent="0.2">
      <c r="A759" s="51">
        <v>465</v>
      </c>
    </row>
    <row r="760" spans="1:1" ht="20.25" customHeight="1" x14ac:dyDescent="0.2">
      <c r="A760" s="51"/>
    </row>
    <row r="761" spans="1:1" ht="20.25" customHeight="1" x14ac:dyDescent="0.2">
      <c r="A761" s="51">
        <v>466</v>
      </c>
    </row>
    <row r="762" spans="1:1" ht="20.25" customHeight="1" x14ac:dyDescent="0.2">
      <c r="A762" s="51"/>
    </row>
    <row r="763" spans="1:1" ht="20.25" customHeight="1" x14ac:dyDescent="0.2">
      <c r="A763" s="51">
        <v>467</v>
      </c>
    </row>
    <row r="764" spans="1:1" ht="20.25" customHeight="1" x14ac:dyDescent="0.2">
      <c r="A764" s="51"/>
    </row>
    <row r="765" spans="1:1" ht="20.25" customHeight="1" x14ac:dyDescent="0.2">
      <c r="A765" s="51">
        <v>468</v>
      </c>
    </row>
    <row r="766" spans="1:1" ht="20.25" customHeight="1" x14ac:dyDescent="0.2">
      <c r="A766" s="51"/>
    </row>
    <row r="767" spans="1:1" ht="20.25" customHeight="1" x14ac:dyDescent="0.2">
      <c r="A767" s="51">
        <v>469</v>
      </c>
    </row>
    <row r="768" spans="1:1" ht="20.25" customHeight="1" x14ac:dyDescent="0.2">
      <c r="A768" s="51"/>
    </row>
    <row r="769" spans="1:1" ht="20.25" customHeight="1" x14ac:dyDescent="0.2">
      <c r="A769" s="51">
        <v>470</v>
      </c>
    </row>
    <row r="770" spans="1:1" ht="20.25" customHeight="1" x14ac:dyDescent="0.2">
      <c r="A770" s="51"/>
    </row>
    <row r="771" spans="1:1" ht="20.25" customHeight="1" x14ac:dyDescent="0.2">
      <c r="A771" s="51">
        <v>471</v>
      </c>
    </row>
    <row r="772" spans="1:1" ht="20.25" customHeight="1" x14ac:dyDescent="0.2">
      <c r="A772" s="51"/>
    </row>
    <row r="773" spans="1:1" ht="20.25" customHeight="1" x14ac:dyDescent="0.2">
      <c r="A773" s="51">
        <v>472</v>
      </c>
    </row>
    <row r="774" spans="1:1" ht="20.25" customHeight="1" x14ac:dyDescent="0.2">
      <c r="A774" s="51"/>
    </row>
    <row r="775" spans="1:1" ht="20.25" customHeight="1" x14ac:dyDescent="0.2">
      <c r="A775" s="51">
        <v>473</v>
      </c>
    </row>
    <row r="776" spans="1:1" ht="20.25" customHeight="1" x14ac:dyDescent="0.2">
      <c r="A776" s="51"/>
    </row>
    <row r="777" spans="1:1" ht="20.25" customHeight="1" x14ac:dyDescent="0.2">
      <c r="A777" s="51">
        <v>474</v>
      </c>
    </row>
    <row r="778" spans="1:1" ht="20.25" customHeight="1" x14ac:dyDescent="0.2">
      <c r="A778" s="51"/>
    </row>
    <row r="779" spans="1:1" ht="20.25" customHeight="1" x14ac:dyDescent="0.2">
      <c r="A779" s="51">
        <v>475</v>
      </c>
    </row>
    <row r="780" spans="1:1" ht="20.25" customHeight="1" x14ac:dyDescent="0.2">
      <c r="A780" s="51"/>
    </row>
    <row r="781" spans="1:1" ht="20.25" customHeight="1" x14ac:dyDescent="0.2">
      <c r="A781" s="51">
        <v>476</v>
      </c>
    </row>
    <row r="782" spans="1:1" ht="20.25" customHeight="1" x14ac:dyDescent="0.2">
      <c r="A782" s="51"/>
    </row>
    <row r="783" spans="1:1" ht="20.25" customHeight="1" x14ac:dyDescent="0.2">
      <c r="A783" s="51">
        <v>477</v>
      </c>
    </row>
    <row r="784" spans="1:1" ht="20.25" customHeight="1" x14ac:dyDescent="0.2">
      <c r="A784" s="51"/>
    </row>
    <row r="785" spans="1:1" ht="20.25" customHeight="1" x14ac:dyDescent="0.2">
      <c r="A785" s="51">
        <v>478</v>
      </c>
    </row>
    <row r="786" spans="1:1" ht="20.25" customHeight="1" x14ac:dyDescent="0.2">
      <c r="A786" s="51"/>
    </row>
    <row r="787" spans="1:1" ht="20.25" customHeight="1" x14ac:dyDescent="0.2">
      <c r="A787" s="51">
        <v>479</v>
      </c>
    </row>
    <row r="788" spans="1:1" ht="20.25" customHeight="1" x14ac:dyDescent="0.2">
      <c r="A788" s="51"/>
    </row>
    <row r="789" spans="1:1" ht="20.25" customHeight="1" x14ac:dyDescent="0.2">
      <c r="A789" s="51">
        <v>480</v>
      </c>
    </row>
    <row r="790" spans="1:1" ht="20.25" customHeight="1" x14ac:dyDescent="0.2">
      <c r="A790" s="51"/>
    </row>
    <row r="791" spans="1:1" ht="20.25" customHeight="1" x14ac:dyDescent="0.2">
      <c r="A791" s="51">
        <v>481</v>
      </c>
    </row>
    <row r="792" spans="1:1" ht="20.25" customHeight="1" x14ac:dyDescent="0.2">
      <c r="A792" s="51"/>
    </row>
    <row r="793" spans="1:1" ht="20.25" customHeight="1" x14ac:dyDescent="0.2">
      <c r="A793" s="51">
        <v>482</v>
      </c>
    </row>
    <row r="794" spans="1:1" ht="20.25" customHeight="1" x14ac:dyDescent="0.2">
      <c r="A794" s="51"/>
    </row>
    <row r="795" spans="1:1" ht="20.25" customHeight="1" x14ac:dyDescent="0.2">
      <c r="A795" s="51">
        <v>483</v>
      </c>
    </row>
    <row r="796" spans="1:1" ht="20.25" customHeight="1" x14ac:dyDescent="0.2">
      <c r="A796" s="51"/>
    </row>
    <row r="797" spans="1:1" ht="20.25" customHeight="1" x14ac:dyDescent="0.2">
      <c r="A797" s="51">
        <v>484</v>
      </c>
    </row>
    <row r="798" spans="1:1" ht="20.25" customHeight="1" x14ac:dyDescent="0.2">
      <c r="A798" s="51"/>
    </row>
    <row r="799" spans="1:1" ht="20.25" customHeight="1" x14ac:dyDescent="0.2">
      <c r="A799" s="51">
        <v>485</v>
      </c>
    </row>
    <row r="800" spans="1:1" ht="20.25" customHeight="1" x14ac:dyDescent="0.2">
      <c r="A800" s="51"/>
    </row>
    <row r="801" spans="1:1" ht="20.25" customHeight="1" x14ac:dyDescent="0.2">
      <c r="A801" s="51">
        <v>486</v>
      </c>
    </row>
    <row r="802" spans="1:1" ht="20.25" customHeight="1" x14ac:dyDescent="0.2">
      <c r="A802" s="51"/>
    </row>
    <row r="803" spans="1:1" ht="20.25" customHeight="1" x14ac:dyDescent="0.2">
      <c r="A803" s="51">
        <v>487</v>
      </c>
    </row>
    <row r="804" spans="1:1" ht="20.25" customHeight="1" x14ac:dyDescent="0.2">
      <c r="A804" s="51"/>
    </row>
    <row r="805" spans="1:1" ht="20.25" customHeight="1" x14ac:dyDescent="0.2">
      <c r="A805" s="51">
        <v>488</v>
      </c>
    </row>
    <row r="806" spans="1:1" ht="20.25" customHeight="1" x14ac:dyDescent="0.2">
      <c r="A806" s="51"/>
    </row>
    <row r="807" spans="1:1" ht="20.25" customHeight="1" x14ac:dyDescent="0.2">
      <c r="A807" s="51">
        <v>489</v>
      </c>
    </row>
    <row r="808" spans="1:1" ht="20.25" customHeight="1" x14ac:dyDescent="0.2">
      <c r="A808" s="51"/>
    </row>
    <row r="809" spans="1:1" ht="20.25" customHeight="1" x14ac:dyDescent="0.2">
      <c r="A809" s="51">
        <v>490</v>
      </c>
    </row>
    <row r="810" spans="1:1" ht="20.25" customHeight="1" x14ac:dyDescent="0.2">
      <c r="A810" s="51"/>
    </row>
    <row r="811" spans="1:1" ht="20.25" customHeight="1" x14ac:dyDescent="0.2">
      <c r="A811" s="51">
        <v>491</v>
      </c>
    </row>
    <row r="812" spans="1:1" ht="20.25" customHeight="1" x14ac:dyDescent="0.2">
      <c r="A812" s="51"/>
    </row>
    <row r="813" spans="1:1" ht="20.25" customHeight="1" x14ac:dyDescent="0.2">
      <c r="A813" s="51">
        <v>492</v>
      </c>
    </row>
    <row r="814" spans="1:1" ht="20.25" customHeight="1" x14ac:dyDescent="0.2">
      <c r="A814" s="51"/>
    </row>
    <row r="815" spans="1:1" ht="20.25" customHeight="1" x14ac:dyDescent="0.2">
      <c r="A815" s="51">
        <v>493</v>
      </c>
    </row>
    <row r="816" spans="1:1" ht="20.25" customHeight="1" x14ac:dyDescent="0.2">
      <c r="A816" s="51"/>
    </row>
    <row r="817" spans="1:1" ht="20.25" customHeight="1" x14ac:dyDescent="0.2">
      <c r="A817" s="51">
        <v>494</v>
      </c>
    </row>
    <row r="818" spans="1:1" ht="20.25" customHeight="1" x14ac:dyDescent="0.2">
      <c r="A818" s="51"/>
    </row>
    <row r="819" spans="1:1" ht="20.25" customHeight="1" x14ac:dyDescent="0.2">
      <c r="A819" s="51">
        <v>495</v>
      </c>
    </row>
    <row r="820" spans="1:1" ht="20.25" customHeight="1" x14ac:dyDescent="0.2">
      <c r="A820" s="51"/>
    </row>
    <row r="821" spans="1:1" ht="20.25" customHeight="1" x14ac:dyDescent="0.2">
      <c r="A821" s="51">
        <v>496</v>
      </c>
    </row>
    <row r="822" spans="1:1" ht="20.25" customHeight="1" x14ac:dyDescent="0.2">
      <c r="A822" s="51"/>
    </row>
    <row r="823" spans="1:1" ht="20.25" customHeight="1" x14ac:dyDescent="0.2">
      <c r="A823" s="51">
        <v>497</v>
      </c>
    </row>
    <row r="824" spans="1:1" ht="20.25" customHeight="1" x14ac:dyDescent="0.2">
      <c r="A824" s="51"/>
    </row>
    <row r="825" spans="1:1" ht="20.25" customHeight="1" x14ac:dyDescent="0.2">
      <c r="A825" s="51">
        <v>498</v>
      </c>
    </row>
    <row r="826" spans="1:1" ht="20.25" customHeight="1" x14ac:dyDescent="0.2">
      <c r="A826" s="51"/>
    </row>
    <row r="827" spans="1:1" ht="20.25" customHeight="1" x14ac:dyDescent="0.2">
      <c r="A827" s="51">
        <v>499</v>
      </c>
    </row>
    <row r="828" spans="1:1" ht="20.25" customHeight="1" x14ac:dyDescent="0.2">
      <c r="A828" s="51"/>
    </row>
    <row r="829" spans="1:1" ht="20.25" customHeight="1" x14ac:dyDescent="0.2">
      <c r="A829" s="51">
        <v>500</v>
      </c>
    </row>
    <row r="830" spans="1:1" ht="20.25" customHeight="1" x14ac:dyDescent="0.2">
      <c r="A830" s="51"/>
    </row>
    <row r="831" spans="1:1" ht="20.25" customHeight="1" x14ac:dyDescent="0.2">
      <c r="A831" s="51">
        <v>501</v>
      </c>
    </row>
    <row r="832" spans="1:1" ht="20.25" customHeight="1" x14ac:dyDescent="0.2">
      <c r="A832" s="51"/>
    </row>
    <row r="833" spans="1:1" ht="20.25" customHeight="1" x14ac:dyDescent="0.2">
      <c r="A833" s="51">
        <v>502</v>
      </c>
    </row>
    <row r="834" spans="1:1" ht="20.25" customHeight="1" x14ac:dyDescent="0.2">
      <c r="A834" s="51"/>
    </row>
    <row r="835" spans="1:1" ht="20.25" customHeight="1" x14ac:dyDescent="0.2">
      <c r="A835" s="51">
        <v>503</v>
      </c>
    </row>
    <row r="836" spans="1:1" ht="20.25" customHeight="1" x14ac:dyDescent="0.2">
      <c r="A836" s="51"/>
    </row>
    <row r="837" spans="1:1" ht="20.25" customHeight="1" x14ac:dyDescent="0.2">
      <c r="A837" s="51">
        <v>504</v>
      </c>
    </row>
    <row r="838" spans="1:1" ht="20.25" customHeight="1" x14ac:dyDescent="0.2">
      <c r="A838" s="51"/>
    </row>
    <row r="839" spans="1:1" ht="20.25" customHeight="1" x14ac:dyDescent="0.2">
      <c r="A839" s="51">
        <v>505</v>
      </c>
    </row>
    <row r="840" spans="1:1" ht="20.25" customHeight="1" x14ac:dyDescent="0.2">
      <c r="A840" s="51"/>
    </row>
    <row r="841" spans="1:1" ht="20.25" customHeight="1" x14ac:dyDescent="0.2">
      <c r="A841" s="51">
        <v>506</v>
      </c>
    </row>
    <row r="842" spans="1:1" ht="20.25" customHeight="1" x14ac:dyDescent="0.2">
      <c r="A842" s="51"/>
    </row>
    <row r="843" spans="1:1" ht="20.25" customHeight="1" x14ac:dyDescent="0.2">
      <c r="A843" s="51">
        <v>507</v>
      </c>
    </row>
    <row r="844" spans="1:1" ht="20.25" customHeight="1" x14ac:dyDescent="0.2">
      <c r="A844" s="51"/>
    </row>
    <row r="845" spans="1:1" ht="20.25" customHeight="1" x14ac:dyDescent="0.2">
      <c r="A845" s="51">
        <v>508</v>
      </c>
    </row>
    <row r="846" spans="1:1" ht="20.25" customHeight="1" x14ac:dyDescent="0.2">
      <c r="A846" s="51"/>
    </row>
    <row r="847" spans="1:1" ht="20.25" customHeight="1" x14ac:dyDescent="0.2">
      <c r="A847" s="51">
        <v>509</v>
      </c>
    </row>
    <row r="848" spans="1:1" ht="20.25" customHeight="1" x14ac:dyDescent="0.2">
      <c r="A848" s="51"/>
    </row>
    <row r="849" spans="1:1" ht="20.25" customHeight="1" x14ac:dyDescent="0.2">
      <c r="A849" s="51">
        <v>510</v>
      </c>
    </row>
    <row r="850" spans="1:1" ht="20.25" customHeight="1" x14ac:dyDescent="0.2">
      <c r="A850" s="51"/>
    </row>
    <row r="851" spans="1:1" ht="20.25" customHeight="1" x14ac:dyDescent="0.2">
      <c r="A851" s="51">
        <v>511</v>
      </c>
    </row>
    <row r="852" spans="1:1" ht="20.25" customHeight="1" x14ac:dyDescent="0.2">
      <c r="A852" s="51"/>
    </row>
    <row r="853" spans="1:1" ht="20.25" customHeight="1" x14ac:dyDescent="0.2">
      <c r="A853" s="51">
        <v>512</v>
      </c>
    </row>
    <row r="854" spans="1:1" ht="20.25" customHeight="1" x14ac:dyDescent="0.2">
      <c r="A854" s="51"/>
    </row>
    <row r="855" spans="1:1" ht="20.25" customHeight="1" x14ac:dyDescent="0.2">
      <c r="A855" s="51">
        <v>513</v>
      </c>
    </row>
    <row r="856" spans="1:1" ht="20.25" customHeight="1" x14ac:dyDescent="0.2">
      <c r="A856" s="51"/>
    </row>
    <row r="857" spans="1:1" ht="20.25" customHeight="1" x14ac:dyDescent="0.2">
      <c r="A857" s="51">
        <v>514</v>
      </c>
    </row>
    <row r="858" spans="1:1" ht="20.25" customHeight="1" x14ac:dyDescent="0.2">
      <c r="A858" s="51"/>
    </row>
    <row r="859" spans="1:1" ht="20.25" customHeight="1" x14ac:dyDescent="0.2">
      <c r="A859" s="51">
        <v>515</v>
      </c>
    </row>
    <row r="860" spans="1:1" ht="20.25" customHeight="1" x14ac:dyDescent="0.2">
      <c r="A860" s="51"/>
    </row>
    <row r="861" spans="1:1" ht="20.25" customHeight="1" x14ac:dyDescent="0.2">
      <c r="A861" s="51">
        <v>516</v>
      </c>
    </row>
    <row r="862" spans="1:1" ht="20.25" customHeight="1" x14ac:dyDescent="0.2">
      <c r="A862" s="51"/>
    </row>
    <row r="863" spans="1:1" ht="20.25" customHeight="1" x14ac:dyDescent="0.2">
      <c r="A863" s="51">
        <v>517</v>
      </c>
    </row>
    <row r="864" spans="1:1" ht="20.25" customHeight="1" x14ac:dyDescent="0.2">
      <c r="A864" s="51"/>
    </row>
    <row r="865" spans="1:1" ht="20.25" customHeight="1" x14ac:dyDescent="0.2">
      <c r="A865" s="51">
        <v>518</v>
      </c>
    </row>
    <row r="866" spans="1:1" ht="20.25" customHeight="1" x14ac:dyDescent="0.2">
      <c r="A866" s="51"/>
    </row>
    <row r="867" spans="1:1" ht="20.25" customHeight="1" x14ac:dyDescent="0.2">
      <c r="A867" s="51">
        <v>519</v>
      </c>
    </row>
    <row r="868" spans="1:1" ht="20.25" customHeight="1" x14ac:dyDescent="0.2">
      <c r="A868" s="51"/>
    </row>
    <row r="869" spans="1:1" ht="20.25" customHeight="1" x14ac:dyDescent="0.2">
      <c r="A869" s="51">
        <v>520</v>
      </c>
    </row>
    <row r="870" spans="1:1" ht="20.25" customHeight="1" x14ac:dyDescent="0.2">
      <c r="A870" s="51"/>
    </row>
    <row r="871" spans="1:1" ht="20.25" customHeight="1" x14ac:dyDescent="0.2">
      <c r="A871" s="51">
        <v>521</v>
      </c>
    </row>
    <row r="872" spans="1:1" ht="20.25" customHeight="1" x14ac:dyDescent="0.2">
      <c r="A872" s="51"/>
    </row>
    <row r="873" spans="1:1" ht="20.25" customHeight="1" x14ac:dyDescent="0.2">
      <c r="A873" s="51">
        <v>522</v>
      </c>
    </row>
    <row r="874" spans="1:1" ht="20.25" customHeight="1" x14ac:dyDescent="0.2">
      <c r="A874" s="51"/>
    </row>
    <row r="875" spans="1:1" ht="20.25" customHeight="1" x14ac:dyDescent="0.2">
      <c r="A875" s="51">
        <v>523</v>
      </c>
    </row>
    <row r="876" spans="1:1" ht="20.25" customHeight="1" x14ac:dyDescent="0.2">
      <c r="A876" s="51"/>
    </row>
    <row r="877" spans="1:1" ht="20.25" customHeight="1" x14ac:dyDescent="0.2">
      <c r="A877" s="51">
        <v>524</v>
      </c>
    </row>
    <row r="878" spans="1:1" ht="20.25" customHeight="1" x14ac:dyDescent="0.2">
      <c r="A878" s="51"/>
    </row>
    <row r="879" spans="1:1" ht="20.25" customHeight="1" x14ac:dyDescent="0.2">
      <c r="A879" s="51">
        <v>525</v>
      </c>
    </row>
    <row r="880" spans="1:1" ht="20.25" customHeight="1" x14ac:dyDescent="0.2">
      <c r="A880" s="51"/>
    </row>
    <row r="881" spans="1:1" ht="20.25" customHeight="1" x14ac:dyDescent="0.2">
      <c r="A881" s="51">
        <v>526</v>
      </c>
    </row>
    <row r="882" spans="1:1" ht="20.25" customHeight="1" x14ac:dyDescent="0.2">
      <c r="A882" s="51"/>
    </row>
    <row r="883" spans="1:1" ht="20.25" customHeight="1" x14ac:dyDescent="0.2">
      <c r="A883" s="51">
        <v>527</v>
      </c>
    </row>
    <row r="884" spans="1:1" ht="20.25" customHeight="1" x14ac:dyDescent="0.2">
      <c r="A884" s="51"/>
    </row>
    <row r="885" spans="1:1" ht="20.25" customHeight="1" x14ac:dyDescent="0.2">
      <c r="A885" s="51">
        <v>528</v>
      </c>
    </row>
    <row r="886" spans="1:1" ht="20.25" customHeight="1" x14ac:dyDescent="0.2">
      <c r="A886" s="51"/>
    </row>
    <row r="887" spans="1:1" ht="20.25" customHeight="1" x14ac:dyDescent="0.2">
      <c r="A887" s="51">
        <v>529</v>
      </c>
    </row>
    <row r="888" spans="1:1" ht="20.25" customHeight="1" x14ac:dyDescent="0.2">
      <c r="A888" s="51"/>
    </row>
    <row r="889" spans="1:1" ht="20.25" customHeight="1" x14ac:dyDescent="0.2">
      <c r="A889" s="51">
        <v>530</v>
      </c>
    </row>
    <row r="890" spans="1:1" ht="20.25" customHeight="1" x14ac:dyDescent="0.2">
      <c r="A890" s="51"/>
    </row>
    <row r="891" spans="1:1" ht="20.25" customHeight="1" x14ac:dyDescent="0.2">
      <c r="A891" s="51">
        <v>531</v>
      </c>
    </row>
    <row r="892" spans="1:1" ht="20.25" customHeight="1" x14ac:dyDescent="0.2">
      <c r="A892" s="51"/>
    </row>
    <row r="893" spans="1:1" ht="20.25" customHeight="1" x14ac:dyDescent="0.2">
      <c r="A893" s="51">
        <v>532</v>
      </c>
    </row>
    <row r="894" spans="1:1" ht="20.25" customHeight="1" x14ac:dyDescent="0.2">
      <c r="A894" s="51"/>
    </row>
    <row r="895" spans="1:1" ht="20.25" customHeight="1" x14ac:dyDescent="0.2">
      <c r="A895" s="51">
        <v>533</v>
      </c>
    </row>
    <row r="896" spans="1:1" ht="20.25" customHeight="1" x14ac:dyDescent="0.2">
      <c r="A896" s="51"/>
    </row>
    <row r="897" spans="1:1" ht="20.25" customHeight="1" x14ac:dyDescent="0.2">
      <c r="A897" s="51">
        <v>534</v>
      </c>
    </row>
    <row r="898" spans="1:1" ht="20.25" customHeight="1" x14ac:dyDescent="0.2">
      <c r="A898" s="51"/>
    </row>
    <row r="899" spans="1:1" ht="20.25" customHeight="1" x14ac:dyDescent="0.2">
      <c r="A899" s="51">
        <v>535</v>
      </c>
    </row>
    <row r="900" spans="1:1" ht="20.25" customHeight="1" x14ac:dyDescent="0.2">
      <c r="A900" s="51"/>
    </row>
    <row r="901" spans="1:1" ht="20.25" customHeight="1" x14ac:dyDescent="0.2">
      <c r="A901" s="51">
        <v>536</v>
      </c>
    </row>
    <row r="902" spans="1:1" ht="20.25" customHeight="1" x14ac:dyDescent="0.2">
      <c r="A902" s="51"/>
    </row>
    <row r="903" spans="1:1" ht="20.25" customHeight="1" x14ac:dyDescent="0.2">
      <c r="A903" s="51">
        <v>537</v>
      </c>
    </row>
    <row r="904" spans="1:1" ht="20.25" customHeight="1" x14ac:dyDescent="0.2">
      <c r="A904" s="51"/>
    </row>
    <row r="905" spans="1:1" ht="20.25" customHeight="1" x14ac:dyDescent="0.2">
      <c r="A905" s="51">
        <v>538</v>
      </c>
    </row>
    <row r="906" spans="1:1" ht="20.25" customHeight="1" x14ac:dyDescent="0.2">
      <c r="A906" s="51"/>
    </row>
    <row r="907" spans="1:1" ht="20.25" customHeight="1" x14ac:dyDescent="0.2">
      <c r="A907" s="51">
        <v>539</v>
      </c>
    </row>
    <row r="908" spans="1:1" ht="20.25" customHeight="1" x14ac:dyDescent="0.2">
      <c r="A908" s="51"/>
    </row>
    <row r="909" spans="1:1" ht="20.25" customHeight="1" x14ac:dyDescent="0.2">
      <c r="A909" s="51">
        <v>540</v>
      </c>
    </row>
    <row r="910" spans="1:1" ht="20.25" customHeight="1" x14ac:dyDescent="0.2">
      <c r="A910" s="51"/>
    </row>
    <row r="911" spans="1:1" ht="20.25" customHeight="1" x14ac:dyDescent="0.2">
      <c r="A911" s="51">
        <v>541</v>
      </c>
    </row>
    <row r="912" spans="1:1" ht="20.25" customHeight="1" x14ac:dyDescent="0.2">
      <c r="A912" s="51"/>
    </row>
    <row r="913" spans="1:1" ht="20.25" customHeight="1" x14ac:dyDescent="0.2">
      <c r="A913" s="51">
        <v>542</v>
      </c>
    </row>
    <row r="914" spans="1:1" ht="20.25" customHeight="1" x14ac:dyDescent="0.2">
      <c r="A914" s="51"/>
    </row>
    <row r="915" spans="1:1" ht="20.25" customHeight="1" x14ac:dyDescent="0.2">
      <c r="A915" s="51">
        <v>543</v>
      </c>
    </row>
    <row r="916" spans="1:1" ht="20.25" customHeight="1" x14ac:dyDescent="0.2">
      <c r="A916" s="51"/>
    </row>
    <row r="917" spans="1:1" ht="20.25" customHeight="1" x14ac:dyDescent="0.2">
      <c r="A917" s="51">
        <v>544</v>
      </c>
    </row>
    <row r="918" spans="1:1" ht="20.25" customHeight="1" x14ac:dyDescent="0.2">
      <c r="A918" s="51"/>
    </row>
    <row r="919" spans="1:1" ht="20.25" customHeight="1" x14ac:dyDescent="0.2">
      <c r="A919" s="51">
        <v>545</v>
      </c>
    </row>
    <row r="920" spans="1:1" ht="20.25" customHeight="1" x14ac:dyDescent="0.2">
      <c r="A920" s="51"/>
    </row>
    <row r="921" spans="1:1" ht="20.25" customHeight="1" x14ac:dyDescent="0.2">
      <c r="A921" s="51">
        <v>546</v>
      </c>
    </row>
    <row r="922" spans="1:1" ht="20.25" customHeight="1" x14ac:dyDescent="0.2">
      <c r="A922" s="51"/>
    </row>
    <row r="923" spans="1:1" ht="20.25" customHeight="1" x14ac:dyDescent="0.2">
      <c r="A923" s="51">
        <v>547</v>
      </c>
    </row>
    <row r="924" spans="1:1" ht="20.25" customHeight="1" x14ac:dyDescent="0.2">
      <c r="A924" s="51"/>
    </row>
    <row r="925" spans="1:1" ht="20.25" customHeight="1" x14ac:dyDescent="0.2">
      <c r="A925" s="51">
        <v>548</v>
      </c>
    </row>
    <row r="926" spans="1:1" ht="20.25" customHeight="1" x14ac:dyDescent="0.2">
      <c r="A926" s="51"/>
    </row>
    <row r="927" spans="1:1" ht="20.25" customHeight="1" x14ac:dyDescent="0.2">
      <c r="A927" s="51">
        <v>549</v>
      </c>
    </row>
    <row r="928" spans="1:1" ht="20.25" customHeight="1" x14ac:dyDescent="0.2">
      <c r="A928" s="51"/>
    </row>
    <row r="929" spans="1:1" ht="20.25" customHeight="1" x14ac:dyDescent="0.2">
      <c r="A929" s="51">
        <v>550</v>
      </c>
    </row>
    <row r="930" spans="1:1" ht="20.25" customHeight="1" x14ac:dyDescent="0.2">
      <c r="A930" s="51"/>
    </row>
    <row r="931" spans="1:1" ht="20.25" customHeight="1" x14ac:dyDescent="0.2">
      <c r="A931" s="51">
        <v>551</v>
      </c>
    </row>
    <row r="932" spans="1:1" ht="20.25" customHeight="1" x14ac:dyDescent="0.2">
      <c r="A932" s="51"/>
    </row>
    <row r="933" spans="1:1" ht="20.25" customHeight="1" x14ac:dyDescent="0.2">
      <c r="A933" s="51">
        <v>552</v>
      </c>
    </row>
    <row r="934" spans="1:1" ht="20.25" customHeight="1" x14ac:dyDescent="0.2">
      <c r="A934" s="51"/>
    </row>
    <row r="935" spans="1:1" ht="20.25" customHeight="1" x14ac:dyDescent="0.2">
      <c r="A935" s="51">
        <v>553</v>
      </c>
    </row>
    <row r="936" spans="1:1" ht="20.25" customHeight="1" x14ac:dyDescent="0.2">
      <c r="A936" s="51"/>
    </row>
  </sheetData>
  <mergeCells count="467">
    <mergeCell ref="A59:A60"/>
    <mergeCell ref="A61:A62"/>
    <mergeCell ref="A63:A64"/>
    <mergeCell ref="A65:A66"/>
    <mergeCell ref="A67:A68"/>
    <mergeCell ref="A33:A34"/>
    <mergeCell ref="A35:A36"/>
    <mergeCell ref="A37:A38"/>
    <mergeCell ref="A39:A40"/>
    <mergeCell ref="A41:A42"/>
    <mergeCell ref="A43:A44"/>
    <mergeCell ref="A933:A934"/>
    <mergeCell ref="A935:A936"/>
    <mergeCell ref="A913:A914"/>
    <mergeCell ref="A915:A916"/>
    <mergeCell ref="A917:A918"/>
    <mergeCell ref="A919:A920"/>
    <mergeCell ref="A909:A910"/>
    <mergeCell ref="A911:A912"/>
    <mergeCell ref="A889:A890"/>
    <mergeCell ref="A891:A892"/>
    <mergeCell ref="A893:A894"/>
    <mergeCell ref="A895:A896"/>
    <mergeCell ref="A921:A922"/>
    <mergeCell ref="A923:A924"/>
    <mergeCell ref="A925:A926"/>
    <mergeCell ref="A927:A928"/>
    <mergeCell ref="A929:A930"/>
    <mergeCell ref="A931:A932"/>
    <mergeCell ref="A897:A898"/>
    <mergeCell ref="A899:A900"/>
    <mergeCell ref="A901:A902"/>
    <mergeCell ref="A903:A904"/>
    <mergeCell ref="A905:A906"/>
    <mergeCell ref="A907:A908"/>
    <mergeCell ref="A885:A886"/>
    <mergeCell ref="A887:A888"/>
    <mergeCell ref="A865:A866"/>
    <mergeCell ref="A867:A868"/>
    <mergeCell ref="A869:A870"/>
    <mergeCell ref="A871:A872"/>
    <mergeCell ref="A861:A862"/>
    <mergeCell ref="A863:A864"/>
    <mergeCell ref="A841:A842"/>
    <mergeCell ref="A843:A844"/>
    <mergeCell ref="A845:A846"/>
    <mergeCell ref="A847:A848"/>
    <mergeCell ref="A873:A874"/>
    <mergeCell ref="A875:A876"/>
    <mergeCell ref="A877:A878"/>
    <mergeCell ref="A879:A880"/>
    <mergeCell ref="A881:A882"/>
    <mergeCell ref="A883:A884"/>
    <mergeCell ref="A849:A850"/>
    <mergeCell ref="A851:A852"/>
    <mergeCell ref="A853:A854"/>
    <mergeCell ref="A855:A856"/>
    <mergeCell ref="A857:A858"/>
    <mergeCell ref="A859:A860"/>
    <mergeCell ref="A837:A838"/>
    <mergeCell ref="A839:A840"/>
    <mergeCell ref="A817:A818"/>
    <mergeCell ref="A819:A820"/>
    <mergeCell ref="A821:A822"/>
    <mergeCell ref="A823:A824"/>
    <mergeCell ref="A813:A814"/>
    <mergeCell ref="A815:A816"/>
    <mergeCell ref="A793:A794"/>
    <mergeCell ref="A795:A796"/>
    <mergeCell ref="A797:A798"/>
    <mergeCell ref="A799:A800"/>
    <mergeCell ref="A825:A826"/>
    <mergeCell ref="A827:A828"/>
    <mergeCell ref="A829:A830"/>
    <mergeCell ref="A831:A832"/>
    <mergeCell ref="A833:A834"/>
    <mergeCell ref="A835:A836"/>
    <mergeCell ref="A801:A802"/>
    <mergeCell ref="A803:A804"/>
    <mergeCell ref="A805:A806"/>
    <mergeCell ref="A807:A808"/>
    <mergeCell ref="A809:A810"/>
    <mergeCell ref="A811:A812"/>
    <mergeCell ref="A789:A790"/>
    <mergeCell ref="A791:A792"/>
    <mergeCell ref="A769:A770"/>
    <mergeCell ref="A771:A772"/>
    <mergeCell ref="A773:A774"/>
    <mergeCell ref="A775:A776"/>
    <mergeCell ref="A765:A766"/>
    <mergeCell ref="A767:A768"/>
    <mergeCell ref="A745:A746"/>
    <mergeCell ref="A747:A748"/>
    <mergeCell ref="A749:A750"/>
    <mergeCell ref="A751:A752"/>
    <mergeCell ref="A777:A778"/>
    <mergeCell ref="A779:A780"/>
    <mergeCell ref="A781:A782"/>
    <mergeCell ref="A783:A784"/>
    <mergeCell ref="A785:A786"/>
    <mergeCell ref="A787:A788"/>
    <mergeCell ref="A753:A754"/>
    <mergeCell ref="A755:A756"/>
    <mergeCell ref="A757:A758"/>
    <mergeCell ref="A759:A760"/>
    <mergeCell ref="A761:A762"/>
    <mergeCell ref="A763:A764"/>
    <mergeCell ref="A741:A742"/>
    <mergeCell ref="A743:A744"/>
    <mergeCell ref="A721:A722"/>
    <mergeCell ref="A723:A724"/>
    <mergeCell ref="A725:A726"/>
    <mergeCell ref="A727:A728"/>
    <mergeCell ref="A717:A718"/>
    <mergeCell ref="A719:A720"/>
    <mergeCell ref="A697:A698"/>
    <mergeCell ref="A699:A700"/>
    <mergeCell ref="A701:A702"/>
    <mergeCell ref="A703:A704"/>
    <mergeCell ref="A729:A730"/>
    <mergeCell ref="A731:A732"/>
    <mergeCell ref="A733:A734"/>
    <mergeCell ref="A735:A736"/>
    <mergeCell ref="A737:A738"/>
    <mergeCell ref="A739:A740"/>
    <mergeCell ref="A705:A706"/>
    <mergeCell ref="A707:A708"/>
    <mergeCell ref="A709:A710"/>
    <mergeCell ref="A711:A712"/>
    <mergeCell ref="A713:A714"/>
    <mergeCell ref="A715:A716"/>
    <mergeCell ref="A693:A694"/>
    <mergeCell ref="A695:A696"/>
    <mergeCell ref="A673:A674"/>
    <mergeCell ref="A675:A676"/>
    <mergeCell ref="A677:A678"/>
    <mergeCell ref="A679:A680"/>
    <mergeCell ref="A669:A670"/>
    <mergeCell ref="A671:A672"/>
    <mergeCell ref="A649:A650"/>
    <mergeCell ref="A651:A652"/>
    <mergeCell ref="A653:A654"/>
    <mergeCell ref="A655:A656"/>
    <mergeCell ref="A681:A682"/>
    <mergeCell ref="A683:A684"/>
    <mergeCell ref="A685:A686"/>
    <mergeCell ref="A687:A688"/>
    <mergeCell ref="A689:A690"/>
    <mergeCell ref="A691:A692"/>
    <mergeCell ref="A657:A658"/>
    <mergeCell ref="A659:A660"/>
    <mergeCell ref="A661:A662"/>
    <mergeCell ref="A663:A664"/>
    <mergeCell ref="A665:A666"/>
    <mergeCell ref="A667:A668"/>
    <mergeCell ref="A645:A646"/>
    <mergeCell ref="A647:A648"/>
    <mergeCell ref="A625:A626"/>
    <mergeCell ref="A627:A628"/>
    <mergeCell ref="A629:A630"/>
    <mergeCell ref="A631:A632"/>
    <mergeCell ref="A621:A622"/>
    <mergeCell ref="A623:A624"/>
    <mergeCell ref="A601:A602"/>
    <mergeCell ref="A603:A604"/>
    <mergeCell ref="A605:A606"/>
    <mergeCell ref="A607:A608"/>
    <mergeCell ref="A633:A634"/>
    <mergeCell ref="A635:A636"/>
    <mergeCell ref="A637:A638"/>
    <mergeCell ref="A639:A640"/>
    <mergeCell ref="A641:A642"/>
    <mergeCell ref="A643:A644"/>
    <mergeCell ref="A609:A610"/>
    <mergeCell ref="A611:A612"/>
    <mergeCell ref="A613:A614"/>
    <mergeCell ref="A615:A616"/>
    <mergeCell ref="A617:A618"/>
    <mergeCell ref="A619:A620"/>
    <mergeCell ref="A597:A598"/>
    <mergeCell ref="A599:A600"/>
    <mergeCell ref="A577:A578"/>
    <mergeCell ref="A579:A580"/>
    <mergeCell ref="A581:A582"/>
    <mergeCell ref="A583:A584"/>
    <mergeCell ref="A573:A574"/>
    <mergeCell ref="A575:A576"/>
    <mergeCell ref="A553:A554"/>
    <mergeCell ref="A555:A556"/>
    <mergeCell ref="A557:A558"/>
    <mergeCell ref="A559:A560"/>
    <mergeCell ref="A585:A586"/>
    <mergeCell ref="A587:A588"/>
    <mergeCell ref="A589:A590"/>
    <mergeCell ref="A591:A592"/>
    <mergeCell ref="A593:A594"/>
    <mergeCell ref="A595:A596"/>
    <mergeCell ref="A561:A562"/>
    <mergeCell ref="A563:A564"/>
    <mergeCell ref="A565:A566"/>
    <mergeCell ref="A567:A568"/>
    <mergeCell ref="A569:A570"/>
    <mergeCell ref="A571:A572"/>
    <mergeCell ref="A549:A550"/>
    <mergeCell ref="A551:A552"/>
    <mergeCell ref="A529:A530"/>
    <mergeCell ref="A531:A532"/>
    <mergeCell ref="A533:A534"/>
    <mergeCell ref="A535:A536"/>
    <mergeCell ref="A525:A526"/>
    <mergeCell ref="A527:A528"/>
    <mergeCell ref="A505:A506"/>
    <mergeCell ref="A507:A508"/>
    <mergeCell ref="A509:A510"/>
    <mergeCell ref="A511:A512"/>
    <mergeCell ref="A537:A538"/>
    <mergeCell ref="A539:A540"/>
    <mergeCell ref="A541:A542"/>
    <mergeCell ref="A543:A544"/>
    <mergeCell ref="A545:A546"/>
    <mergeCell ref="A547:A548"/>
    <mergeCell ref="A513:A514"/>
    <mergeCell ref="A515:A516"/>
    <mergeCell ref="A517:A518"/>
    <mergeCell ref="A519:A520"/>
    <mergeCell ref="A521:A522"/>
    <mergeCell ref="A523:A524"/>
    <mergeCell ref="A501:A502"/>
    <mergeCell ref="A503:A504"/>
    <mergeCell ref="A481:A482"/>
    <mergeCell ref="A483:A484"/>
    <mergeCell ref="A485:A486"/>
    <mergeCell ref="A487:A488"/>
    <mergeCell ref="A477:A478"/>
    <mergeCell ref="A479:A480"/>
    <mergeCell ref="A457:A458"/>
    <mergeCell ref="A459:A460"/>
    <mergeCell ref="A461:A462"/>
    <mergeCell ref="A463:A464"/>
    <mergeCell ref="A489:A490"/>
    <mergeCell ref="A491:A492"/>
    <mergeCell ref="A493:A494"/>
    <mergeCell ref="A495:A496"/>
    <mergeCell ref="A497:A498"/>
    <mergeCell ref="A499:A500"/>
    <mergeCell ref="A465:A466"/>
    <mergeCell ref="A467:A468"/>
    <mergeCell ref="A469:A470"/>
    <mergeCell ref="A471:A472"/>
    <mergeCell ref="A473:A474"/>
    <mergeCell ref="A475:A476"/>
    <mergeCell ref="A453:A454"/>
    <mergeCell ref="A455:A456"/>
    <mergeCell ref="A433:A434"/>
    <mergeCell ref="A435:A436"/>
    <mergeCell ref="A437:A438"/>
    <mergeCell ref="A439:A440"/>
    <mergeCell ref="A429:A430"/>
    <mergeCell ref="A431:A432"/>
    <mergeCell ref="A409:A410"/>
    <mergeCell ref="A411:A412"/>
    <mergeCell ref="A413:A414"/>
    <mergeCell ref="A415:A416"/>
    <mergeCell ref="A441:A442"/>
    <mergeCell ref="A443:A444"/>
    <mergeCell ref="A445:A446"/>
    <mergeCell ref="A447:A448"/>
    <mergeCell ref="A449:A450"/>
    <mergeCell ref="A451:A452"/>
    <mergeCell ref="A417:A418"/>
    <mergeCell ref="A419:A420"/>
    <mergeCell ref="A421:A422"/>
    <mergeCell ref="A423:A424"/>
    <mergeCell ref="A425:A426"/>
    <mergeCell ref="A427:A428"/>
    <mergeCell ref="A405:A406"/>
    <mergeCell ref="A407:A408"/>
    <mergeCell ref="A385:A386"/>
    <mergeCell ref="A387:A388"/>
    <mergeCell ref="A389:A390"/>
    <mergeCell ref="A391:A392"/>
    <mergeCell ref="A381:A382"/>
    <mergeCell ref="A383:A384"/>
    <mergeCell ref="A361:A362"/>
    <mergeCell ref="A363:A364"/>
    <mergeCell ref="A365:A366"/>
    <mergeCell ref="A367:A368"/>
    <mergeCell ref="A393:A394"/>
    <mergeCell ref="A395:A396"/>
    <mergeCell ref="A397:A398"/>
    <mergeCell ref="A399:A400"/>
    <mergeCell ref="A401:A402"/>
    <mergeCell ref="A403:A404"/>
    <mergeCell ref="A369:A370"/>
    <mergeCell ref="A371:A372"/>
    <mergeCell ref="A373:A374"/>
    <mergeCell ref="A375:A376"/>
    <mergeCell ref="A377:A378"/>
    <mergeCell ref="A379:A380"/>
    <mergeCell ref="A357:A358"/>
    <mergeCell ref="A359:A360"/>
    <mergeCell ref="A337:A338"/>
    <mergeCell ref="A339:A340"/>
    <mergeCell ref="A341:A342"/>
    <mergeCell ref="A343:A344"/>
    <mergeCell ref="A333:A334"/>
    <mergeCell ref="A335:A336"/>
    <mergeCell ref="A313:A314"/>
    <mergeCell ref="A315:A316"/>
    <mergeCell ref="A317:A318"/>
    <mergeCell ref="A319:A320"/>
    <mergeCell ref="A345:A346"/>
    <mergeCell ref="A347:A348"/>
    <mergeCell ref="A349:A350"/>
    <mergeCell ref="A351:A352"/>
    <mergeCell ref="A353:A354"/>
    <mergeCell ref="A355:A356"/>
    <mergeCell ref="A321:A322"/>
    <mergeCell ref="A323:A324"/>
    <mergeCell ref="A325:A326"/>
    <mergeCell ref="A327:A328"/>
    <mergeCell ref="A329:A330"/>
    <mergeCell ref="A331:A332"/>
    <mergeCell ref="A309:A310"/>
    <mergeCell ref="A311:A312"/>
    <mergeCell ref="A289:A290"/>
    <mergeCell ref="A291:A292"/>
    <mergeCell ref="A293:A294"/>
    <mergeCell ref="A295:A296"/>
    <mergeCell ref="A285:A286"/>
    <mergeCell ref="A287:A288"/>
    <mergeCell ref="A265:A266"/>
    <mergeCell ref="A267:A268"/>
    <mergeCell ref="A269:A270"/>
    <mergeCell ref="A271:A272"/>
    <mergeCell ref="A297:A298"/>
    <mergeCell ref="A299:A300"/>
    <mergeCell ref="A301:A302"/>
    <mergeCell ref="A303:A304"/>
    <mergeCell ref="A305:A306"/>
    <mergeCell ref="A307:A308"/>
    <mergeCell ref="A273:A274"/>
    <mergeCell ref="A275:A276"/>
    <mergeCell ref="A277:A278"/>
    <mergeCell ref="A279:A280"/>
    <mergeCell ref="A281:A282"/>
    <mergeCell ref="A283:A284"/>
    <mergeCell ref="A261:A262"/>
    <mergeCell ref="A263:A264"/>
    <mergeCell ref="A241:A242"/>
    <mergeCell ref="A243:A244"/>
    <mergeCell ref="A245:A246"/>
    <mergeCell ref="A247:A248"/>
    <mergeCell ref="A237:A238"/>
    <mergeCell ref="A239:A240"/>
    <mergeCell ref="A217:A218"/>
    <mergeCell ref="A219:A220"/>
    <mergeCell ref="A221:A222"/>
    <mergeCell ref="A223:A224"/>
    <mergeCell ref="A249:A250"/>
    <mergeCell ref="A251:A252"/>
    <mergeCell ref="A253:A254"/>
    <mergeCell ref="A255:A256"/>
    <mergeCell ref="A257:A258"/>
    <mergeCell ref="A259:A260"/>
    <mergeCell ref="A225:A226"/>
    <mergeCell ref="A227:A228"/>
    <mergeCell ref="A229:A230"/>
    <mergeCell ref="A231:A232"/>
    <mergeCell ref="A233:A234"/>
    <mergeCell ref="A235:A236"/>
    <mergeCell ref="A213:A214"/>
    <mergeCell ref="A215:A216"/>
    <mergeCell ref="A193:A194"/>
    <mergeCell ref="A195:A196"/>
    <mergeCell ref="A197:A198"/>
    <mergeCell ref="A199:A200"/>
    <mergeCell ref="A189:A190"/>
    <mergeCell ref="A191:A192"/>
    <mergeCell ref="A169:A170"/>
    <mergeCell ref="A171:A172"/>
    <mergeCell ref="A173:A174"/>
    <mergeCell ref="A175:A176"/>
    <mergeCell ref="A201:A202"/>
    <mergeCell ref="A203:A204"/>
    <mergeCell ref="A205:A206"/>
    <mergeCell ref="A207:A208"/>
    <mergeCell ref="A209:A210"/>
    <mergeCell ref="A211:A212"/>
    <mergeCell ref="A177:A178"/>
    <mergeCell ref="A179:A180"/>
    <mergeCell ref="A181:A182"/>
    <mergeCell ref="A183:A184"/>
    <mergeCell ref="A185:A186"/>
    <mergeCell ref="A187:A188"/>
    <mergeCell ref="A165:A166"/>
    <mergeCell ref="A167:A168"/>
    <mergeCell ref="A145:A146"/>
    <mergeCell ref="A147:A148"/>
    <mergeCell ref="A149:A150"/>
    <mergeCell ref="A151:A152"/>
    <mergeCell ref="A141:A142"/>
    <mergeCell ref="A143:A144"/>
    <mergeCell ref="A121:A122"/>
    <mergeCell ref="A123:A124"/>
    <mergeCell ref="A125:A126"/>
    <mergeCell ref="A127:A128"/>
    <mergeCell ref="A153:A154"/>
    <mergeCell ref="A155:A156"/>
    <mergeCell ref="A157:A158"/>
    <mergeCell ref="A159:A160"/>
    <mergeCell ref="A161:A162"/>
    <mergeCell ref="A163:A164"/>
    <mergeCell ref="A129:A130"/>
    <mergeCell ref="A131:A132"/>
    <mergeCell ref="A133:A134"/>
    <mergeCell ref="A135:A136"/>
    <mergeCell ref="A137:A138"/>
    <mergeCell ref="A139:A140"/>
    <mergeCell ref="A117:A118"/>
    <mergeCell ref="A119:A120"/>
    <mergeCell ref="A97:A98"/>
    <mergeCell ref="A99:A100"/>
    <mergeCell ref="A101:A102"/>
    <mergeCell ref="A103:A104"/>
    <mergeCell ref="A93:A94"/>
    <mergeCell ref="A95:A96"/>
    <mergeCell ref="A73:A74"/>
    <mergeCell ref="A75:A76"/>
    <mergeCell ref="A77:A78"/>
    <mergeCell ref="A79:A80"/>
    <mergeCell ref="A105:A106"/>
    <mergeCell ref="A107:A108"/>
    <mergeCell ref="A109:A110"/>
    <mergeCell ref="A111:A112"/>
    <mergeCell ref="A113:A114"/>
    <mergeCell ref="A115:A116"/>
    <mergeCell ref="A81:A82"/>
    <mergeCell ref="A83:A84"/>
    <mergeCell ref="A85:A86"/>
    <mergeCell ref="A87:A88"/>
    <mergeCell ref="A89:A90"/>
    <mergeCell ref="A91:A92"/>
    <mergeCell ref="A23:A24"/>
    <mergeCell ref="A2:A3"/>
    <mergeCell ref="A69:A70"/>
    <mergeCell ref="A71:A72"/>
    <mergeCell ref="A49:A50"/>
    <mergeCell ref="A51:A52"/>
    <mergeCell ref="A53:A54"/>
    <mergeCell ref="A55:A56"/>
    <mergeCell ref="A45:A46"/>
    <mergeCell ref="A47:A48"/>
    <mergeCell ref="A25:A26"/>
    <mergeCell ref="A27:A28"/>
    <mergeCell ref="A29:A30"/>
    <mergeCell ref="A31:A32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  <mergeCell ref="A57:A58"/>
  </mergeCells>
  <phoneticPr fontId="1"/>
  <printOptions horizontalCentered="1"/>
  <pageMargins left="0.6692913385826772" right="0.59055118110236227" top="0.59055118110236227" bottom="0.51181102362204722" header="0.31496062992125984" footer="0.31496062992125984"/>
  <pageSetup paperSize="9" scale="54" fitToHeight="0" orientation="portrait" r:id="rId1"/>
  <headerFooter alignWithMargins="0">
    <oddHeader>&amp;A</oddHeader>
    <oddFooter>&amp;P / &amp;N ページ</oddFooter>
  </headerFooter>
  <rowBreaks count="1" manualBreakCount="1">
    <brk id="81" min="1" max="7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J169"/>
  <sheetViews>
    <sheetView view="pageBreakPreview" zoomScale="55" zoomScaleNormal="75" zoomScaleSheetLayoutView="55" workbookViewId="0">
      <pane xSplit="2" ySplit="1" topLeftCell="C2" activePane="bottomRight" state="frozen"/>
      <selection activeCell="B1" sqref="B1"/>
      <selection pane="topRight" activeCell="C1" sqref="C1"/>
      <selection pane="bottomLeft" activeCell="B2" sqref="B2"/>
      <selection pane="bottomRight" sqref="A1:XFD1048576"/>
    </sheetView>
  </sheetViews>
  <sheetFormatPr defaultColWidth="9" defaultRowHeight="28.5" customHeight="1" x14ac:dyDescent="0.2"/>
  <cols>
    <col min="1" max="1" width="10.796875" style="31" hidden="1" customWidth="1"/>
    <col min="2" max="2" width="30" style="19" customWidth="1"/>
    <col min="3" max="3" width="7.5" style="32" customWidth="1"/>
    <col min="4" max="4" width="11.5" style="19" customWidth="1"/>
    <col min="5" max="5" width="34.69921875" style="19" customWidth="1"/>
    <col min="6" max="6" width="15.59765625" style="19" customWidth="1"/>
    <col min="7" max="7" width="27.8984375" style="19" customWidth="1"/>
    <col min="8" max="8" width="26.09765625" style="19" customWidth="1"/>
    <col min="9" max="9" width="8.09765625" style="32" customWidth="1"/>
    <col min="10" max="10" width="8.19921875" style="32" customWidth="1"/>
    <col min="11" max="16384" width="9" style="19"/>
  </cols>
  <sheetData>
    <row r="1" spans="1:10" s="32" customFormat="1" ht="28.5" customHeight="1" x14ac:dyDescent="0.2">
      <c r="A1" s="35"/>
      <c r="B1" s="17" t="s">
        <v>2614</v>
      </c>
      <c r="C1" s="17" t="s">
        <v>2928</v>
      </c>
      <c r="D1" s="17" t="s">
        <v>1</v>
      </c>
      <c r="E1" s="17" t="s">
        <v>2</v>
      </c>
      <c r="F1" s="17" t="s">
        <v>3</v>
      </c>
      <c r="G1" s="17" t="s">
        <v>4</v>
      </c>
      <c r="H1" s="17" t="s">
        <v>2729</v>
      </c>
      <c r="I1" s="17" t="s">
        <v>2929</v>
      </c>
      <c r="J1" s="17" t="s">
        <v>2930</v>
      </c>
    </row>
    <row r="2" spans="1:10" ht="28.5" customHeight="1" x14ac:dyDescent="0.2">
      <c r="A2" s="50">
        <v>1</v>
      </c>
      <c r="B2" s="18" t="s">
        <v>2931</v>
      </c>
      <c r="C2" s="33" t="s">
        <v>2932</v>
      </c>
      <c r="D2" s="18" t="s">
        <v>52</v>
      </c>
      <c r="E2" s="18" t="s">
        <v>2933</v>
      </c>
      <c r="F2" s="18" t="s">
        <v>2934</v>
      </c>
      <c r="G2" s="18" t="s">
        <v>2935</v>
      </c>
      <c r="H2" s="18" t="s">
        <v>4579</v>
      </c>
      <c r="I2" s="33" t="s">
        <v>2936</v>
      </c>
      <c r="J2" s="33" t="s">
        <v>2636</v>
      </c>
    </row>
    <row r="3" spans="1:10" ht="28.5" customHeight="1" x14ac:dyDescent="0.2">
      <c r="A3" s="50"/>
      <c r="B3" s="20"/>
      <c r="C3" s="34"/>
      <c r="D3" s="20"/>
      <c r="E3" s="20"/>
      <c r="F3" s="20"/>
      <c r="G3" s="21" t="s">
        <v>4580</v>
      </c>
      <c r="H3" s="20"/>
      <c r="I3" s="34"/>
      <c r="J3" s="34"/>
    </row>
    <row r="4" spans="1:10" ht="28.5" customHeight="1" x14ac:dyDescent="0.2">
      <c r="A4" s="50">
        <v>2</v>
      </c>
      <c r="B4" s="18" t="s">
        <v>2937</v>
      </c>
      <c r="C4" s="33" t="s">
        <v>2932</v>
      </c>
      <c r="D4" s="18" t="s">
        <v>22</v>
      </c>
      <c r="E4" s="18" t="s">
        <v>2618</v>
      </c>
      <c r="F4" s="18" t="s">
        <v>2619</v>
      </c>
      <c r="G4" s="18" t="s">
        <v>2938</v>
      </c>
      <c r="H4" s="18" t="s">
        <v>4512</v>
      </c>
      <c r="I4" s="33" t="s">
        <v>2936</v>
      </c>
      <c r="J4" s="33" t="s">
        <v>2813</v>
      </c>
    </row>
    <row r="5" spans="1:10" ht="28.5" customHeight="1" x14ac:dyDescent="0.2">
      <c r="A5" s="50"/>
      <c r="B5" s="20"/>
      <c r="C5" s="34"/>
      <c r="D5" s="20"/>
      <c r="E5" s="20"/>
      <c r="F5" s="20"/>
      <c r="G5" s="21" t="s">
        <v>4069</v>
      </c>
      <c r="H5" s="20"/>
      <c r="I5" s="34"/>
      <c r="J5" s="34"/>
    </row>
    <row r="6" spans="1:10" ht="28.5" customHeight="1" x14ac:dyDescent="0.2">
      <c r="A6" s="50">
        <v>3</v>
      </c>
      <c r="B6" s="18" t="s">
        <v>2939</v>
      </c>
      <c r="C6" s="33" t="s">
        <v>2932</v>
      </c>
      <c r="D6" s="18" t="s">
        <v>32</v>
      </c>
      <c r="E6" s="18" t="s">
        <v>2732</v>
      </c>
      <c r="F6" s="18" t="s">
        <v>2733</v>
      </c>
      <c r="G6" s="18" t="s">
        <v>2940</v>
      </c>
      <c r="H6" s="18" t="s">
        <v>4513</v>
      </c>
      <c r="I6" s="33" t="s">
        <v>2936</v>
      </c>
      <c r="J6" s="33" t="s">
        <v>2620</v>
      </c>
    </row>
    <row r="7" spans="1:10" ht="28.5" customHeight="1" x14ac:dyDescent="0.2">
      <c r="A7" s="50"/>
      <c r="B7" s="20"/>
      <c r="C7" s="34"/>
      <c r="D7" s="20"/>
      <c r="E7" s="20"/>
      <c r="F7" s="20"/>
      <c r="G7" s="21" t="s">
        <v>3753</v>
      </c>
      <c r="H7" s="20"/>
      <c r="I7" s="34"/>
      <c r="J7" s="34"/>
    </row>
    <row r="8" spans="1:10" ht="28.5" customHeight="1" x14ac:dyDescent="0.2">
      <c r="A8" s="50">
        <v>4</v>
      </c>
      <c r="B8" s="18" t="s">
        <v>2941</v>
      </c>
      <c r="C8" s="33" t="s">
        <v>2932</v>
      </c>
      <c r="D8" s="18" t="s">
        <v>37</v>
      </c>
      <c r="E8" s="18" t="s">
        <v>2735</v>
      </c>
      <c r="F8" s="18" t="s">
        <v>2736</v>
      </c>
      <c r="G8" s="18" t="s">
        <v>2942</v>
      </c>
      <c r="H8" s="18" t="s">
        <v>4514</v>
      </c>
      <c r="I8" s="33" t="s">
        <v>2936</v>
      </c>
      <c r="J8" s="33" t="s">
        <v>2620</v>
      </c>
    </row>
    <row r="9" spans="1:10" ht="28.5" customHeight="1" x14ac:dyDescent="0.2">
      <c r="A9" s="50"/>
      <c r="B9" s="20"/>
      <c r="C9" s="34"/>
      <c r="D9" s="20"/>
      <c r="E9" s="20"/>
      <c r="F9" s="20"/>
      <c r="G9" s="21" t="s">
        <v>3755</v>
      </c>
      <c r="H9" s="20"/>
      <c r="I9" s="34"/>
      <c r="J9" s="34"/>
    </row>
    <row r="10" spans="1:10" ht="28.5" customHeight="1" x14ac:dyDescent="0.2">
      <c r="A10" s="50">
        <v>5</v>
      </c>
      <c r="B10" s="18" t="s">
        <v>2943</v>
      </c>
      <c r="C10" s="33" t="s">
        <v>2932</v>
      </c>
      <c r="D10" s="18" t="s">
        <v>2944</v>
      </c>
      <c r="E10" s="18" t="s">
        <v>2945</v>
      </c>
      <c r="F10" s="18" t="s">
        <v>2946</v>
      </c>
      <c r="G10" s="18" t="s">
        <v>2947</v>
      </c>
      <c r="H10" s="18" t="s">
        <v>4581</v>
      </c>
      <c r="I10" s="33" t="s">
        <v>2936</v>
      </c>
      <c r="J10" s="33" t="s">
        <v>2620</v>
      </c>
    </row>
    <row r="11" spans="1:10" ht="28.5" customHeight="1" x14ac:dyDescent="0.2">
      <c r="A11" s="50"/>
      <c r="B11" s="20"/>
      <c r="C11" s="34"/>
      <c r="D11" s="20"/>
      <c r="E11" s="20"/>
      <c r="F11" s="20"/>
      <c r="G11" s="21" t="s">
        <v>4546</v>
      </c>
      <c r="H11" s="20"/>
      <c r="I11" s="34"/>
      <c r="J11" s="34"/>
    </row>
    <row r="12" spans="1:10" ht="28.5" customHeight="1" x14ac:dyDescent="0.2">
      <c r="A12" s="50">
        <v>6</v>
      </c>
      <c r="B12" s="18" t="s">
        <v>2948</v>
      </c>
      <c r="C12" s="33" t="s">
        <v>2932</v>
      </c>
      <c r="D12" s="18" t="s">
        <v>2738</v>
      </c>
      <c r="E12" s="18" t="s">
        <v>2739</v>
      </c>
      <c r="F12" s="18" t="s">
        <v>2740</v>
      </c>
      <c r="G12" s="18" t="s">
        <v>2949</v>
      </c>
      <c r="H12" s="18" t="s">
        <v>4515</v>
      </c>
      <c r="I12" s="33" t="s">
        <v>2936</v>
      </c>
      <c r="J12" s="33" t="s">
        <v>2742</v>
      </c>
    </row>
    <row r="13" spans="1:10" ht="28.5" customHeight="1" x14ac:dyDescent="0.2">
      <c r="A13" s="50"/>
      <c r="B13" s="20"/>
      <c r="C13" s="34"/>
      <c r="D13" s="20"/>
      <c r="E13" s="20"/>
      <c r="F13" s="20"/>
      <c r="G13" s="21" t="s">
        <v>4516</v>
      </c>
      <c r="H13" s="20"/>
      <c r="I13" s="34"/>
      <c r="J13" s="34"/>
    </row>
    <row r="14" spans="1:10" ht="28.5" customHeight="1" x14ac:dyDescent="0.2">
      <c r="A14" s="50">
        <v>7</v>
      </c>
      <c r="B14" s="18" t="s">
        <v>2950</v>
      </c>
      <c r="C14" s="33" t="s">
        <v>2932</v>
      </c>
      <c r="D14" s="18" t="s">
        <v>2622</v>
      </c>
      <c r="E14" s="18" t="s">
        <v>2623</v>
      </c>
      <c r="F14" s="18" t="s">
        <v>2744</v>
      </c>
      <c r="G14" s="18" t="s">
        <v>2951</v>
      </c>
      <c r="H14" s="18" t="s">
        <v>4517</v>
      </c>
      <c r="I14" s="33" t="s">
        <v>2936</v>
      </c>
      <c r="J14" s="33" t="s">
        <v>2636</v>
      </c>
    </row>
    <row r="15" spans="1:10" ht="28.5" customHeight="1" x14ac:dyDescent="0.2">
      <c r="A15" s="50"/>
      <c r="B15" s="20"/>
      <c r="C15" s="34"/>
      <c r="D15" s="20"/>
      <c r="E15" s="20"/>
      <c r="F15" s="20"/>
      <c r="G15" s="21" t="s">
        <v>4478</v>
      </c>
      <c r="H15" s="20"/>
      <c r="I15" s="34"/>
      <c r="J15" s="34"/>
    </row>
    <row r="16" spans="1:10" ht="28.5" customHeight="1" x14ac:dyDescent="0.2">
      <c r="A16" s="50">
        <v>8</v>
      </c>
      <c r="B16" s="18" t="s">
        <v>2952</v>
      </c>
      <c r="C16" s="33" t="s">
        <v>2932</v>
      </c>
      <c r="D16" s="18" t="s">
        <v>96</v>
      </c>
      <c r="E16" s="18" t="s">
        <v>97</v>
      </c>
      <c r="F16" s="18" t="s">
        <v>2746</v>
      </c>
      <c r="G16" s="18" t="s">
        <v>2953</v>
      </c>
      <c r="H16" s="18" t="s">
        <v>4518</v>
      </c>
      <c r="I16" s="33" t="s">
        <v>2936</v>
      </c>
      <c r="J16" s="33" t="s">
        <v>2620</v>
      </c>
    </row>
    <row r="17" spans="1:10" ht="28.5" customHeight="1" x14ac:dyDescent="0.2">
      <c r="A17" s="50"/>
      <c r="B17" s="20"/>
      <c r="C17" s="34"/>
      <c r="D17" s="20"/>
      <c r="E17" s="20"/>
      <c r="F17" s="20"/>
      <c r="G17" s="21" t="s">
        <v>4862</v>
      </c>
      <c r="H17" s="20"/>
      <c r="I17" s="34"/>
      <c r="J17" s="34"/>
    </row>
    <row r="18" spans="1:10" ht="28.5" customHeight="1" x14ac:dyDescent="0.2">
      <c r="A18" s="50">
        <v>9</v>
      </c>
      <c r="B18" s="18" t="s">
        <v>2954</v>
      </c>
      <c r="C18" s="33" t="s">
        <v>2932</v>
      </c>
      <c r="D18" s="18" t="s">
        <v>2627</v>
      </c>
      <c r="E18" s="18" t="s">
        <v>2628</v>
      </c>
      <c r="F18" s="18" t="s">
        <v>2748</v>
      </c>
      <c r="G18" s="18" t="s">
        <v>2955</v>
      </c>
      <c r="H18" s="18" t="s">
        <v>4519</v>
      </c>
      <c r="I18" s="33" t="s">
        <v>2936</v>
      </c>
      <c r="J18" s="33" t="s">
        <v>2636</v>
      </c>
    </row>
    <row r="19" spans="1:10" ht="28.5" customHeight="1" x14ac:dyDescent="0.2">
      <c r="A19" s="50"/>
      <c r="B19" s="20"/>
      <c r="C19" s="34"/>
      <c r="D19" s="20"/>
      <c r="E19" s="20"/>
      <c r="F19" s="20"/>
      <c r="G19" s="21" t="s">
        <v>4480</v>
      </c>
      <c r="H19" s="20"/>
      <c r="I19" s="34"/>
      <c r="J19" s="34"/>
    </row>
    <row r="20" spans="1:10" ht="28.5" customHeight="1" x14ac:dyDescent="0.2">
      <c r="A20" s="50">
        <v>10</v>
      </c>
      <c r="B20" s="18" t="s">
        <v>2956</v>
      </c>
      <c r="C20" s="33" t="s">
        <v>2932</v>
      </c>
      <c r="D20" s="18" t="s">
        <v>179</v>
      </c>
      <c r="E20" s="18" t="s">
        <v>2750</v>
      </c>
      <c r="F20" s="18" t="s">
        <v>2751</v>
      </c>
      <c r="G20" s="18" t="s">
        <v>2957</v>
      </c>
      <c r="H20" s="18" t="s">
        <v>3793</v>
      </c>
      <c r="I20" s="33" t="s">
        <v>2936</v>
      </c>
      <c r="J20" s="33" t="s">
        <v>2742</v>
      </c>
    </row>
    <row r="21" spans="1:10" ht="28.5" customHeight="1" x14ac:dyDescent="0.2">
      <c r="A21" s="50"/>
      <c r="B21" s="20"/>
      <c r="C21" s="34"/>
      <c r="D21" s="20"/>
      <c r="E21" s="20"/>
      <c r="F21" s="20"/>
      <c r="G21" s="21" t="s">
        <v>3793</v>
      </c>
      <c r="H21" s="20"/>
      <c r="I21" s="34"/>
      <c r="J21" s="34"/>
    </row>
    <row r="22" spans="1:10" ht="28.5" customHeight="1" x14ac:dyDescent="0.2">
      <c r="A22" s="50">
        <v>11</v>
      </c>
      <c r="B22" s="18" t="s">
        <v>2958</v>
      </c>
      <c r="C22" s="33" t="s">
        <v>2932</v>
      </c>
      <c r="D22" s="18" t="s">
        <v>2753</v>
      </c>
      <c r="E22" s="18" t="s">
        <v>2754</v>
      </c>
      <c r="F22" s="18" t="s">
        <v>2755</v>
      </c>
      <c r="G22" s="18" t="s">
        <v>2959</v>
      </c>
      <c r="H22" s="18" t="s">
        <v>4520</v>
      </c>
      <c r="I22" s="33" t="s">
        <v>2936</v>
      </c>
      <c r="J22" s="33" t="s">
        <v>2636</v>
      </c>
    </row>
    <row r="23" spans="1:10" ht="28.5" customHeight="1" x14ac:dyDescent="0.2">
      <c r="A23" s="50"/>
      <c r="B23" s="20"/>
      <c r="C23" s="34"/>
      <c r="D23" s="20"/>
      <c r="E23" s="20"/>
      <c r="F23" s="20"/>
      <c r="G23" s="21" t="s">
        <v>4904</v>
      </c>
      <c r="H23" s="20"/>
      <c r="I23" s="34"/>
      <c r="J23" s="34"/>
    </row>
    <row r="24" spans="1:10" ht="28.5" customHeight="1" x14ac:dyDescent="0.2">
      <c r="A24" s="50">
        <v>12</v>
      </c>
      <c r="B24" s="18" t="s">
        <v>2960</v>
      </c>
      <c r="C24" s="33" t="s">
        <v>2932</v>
      </c>
      <c r="D24" s="18" t="s">
        <v>2758</v>
      </c>
      <c r="E24" s="18" t="s">
        <v>2759</v>
      </c>
      <c r="F24" s="18" t="s">
        <v>2760</v>
      </c>
      <c r="G24" s="18" t="s">
        <v>2961</v>
      </c>
      <c r="H24" s="18" t="s">
        <v>4521</v>
      </c>
      <c r="I24" s="33" t="s">
        <v>2936</v>
      </c>
      <c r="J24" s="33" t="s">
        <v>2636</v>
      </c>
    </row>
    <row r="25" spans="1:10" ht="28.5" customHeight="1" x14ac:dyDescent="0.2">
      <c r="A25" s="50"/>
      <c r="B25" s="20"/>
      <c r="C25" s="34"/>
      <c r="D25" s="20"/>
      <c r="E25" s="20"/>
      <c r="F25" s="20"/>
      <c r="G25" s="21" t="s">
        <v>4863</v>
      </c>
      <c r="H25" s="20"/>
      <c r="I25" s="34"/>
      <c r="J25" s="34"/>
    </row>
    <row r="26" spans="1:10" ht="28.5" customHeight="1" x14ac:dyDescent="0.2">
      <c r="A26" s="50">
        <v>13</v>
      </c>
      <c r="B26" s="18" t="s">
        <v>2962</v>
      </c>
      <c r="C26" s="33" t="s">
        <v>2932</v>
      </c>
      <c r="D26" s="18" t="s">
        <v>193</v>
      </c>
      <c r="E26" s="18" t="s">
        <v>194</v>
      </c>
      <c r="F26" s="18" t="s">
        <v>2763</v>
      </c>
      <c r="G26" s="18" t="s">
        <v>2963</v>
      </c>
      <c r="H26" s="18" t="s">
        <v>4522</v>
      </c>
      <c r="I26" s="33" t="s">
        <v>2936</v>
      </c>
      <c r="J26" s="33" t="s">
        <v>2636</v>
      </c>
    </row>
    <row r="27" spans="1:10" ht="28.5" customHeight="1" x14ac:dyDescent="0.2">
      <c r="A27" s="50"/>
      <c r="B27" s="20"/>
      <c r="C27" s="34"/>
      <c r="D27" s="20"/>
      <c r="E27" s="20"/>
      <c r="F27" s="20"/>
      <c r="G27" s="21" t="s">
        <v>3799</v>
      </c>
      <c r="H27" s="20"/>
      <c r="I27" s="34"/>
      <c r="J27" s="34"/>
    </row>
    <row r="28" spans="1:10" ht="28.5" customHeight="1" x14ac:dyDescent="0.2">
      <c r="A28" s="50">
        <v>14</v>
      </c>
      <c r="B28" s="18" t="s">
        <v>2964</v>
      </c>
      <c r="C28" s="33" t="s">
        <v>2932</v>
      </c>
      <c r="D28" s="18" t="s">
        <v>2765</v>
      </c>
      <c r="E28" s="18" t="s">
        <v>2766</v>
      </c>
      <c r="F28" s="18" t="s">
        <v>2767</v>
      </c>
      <c r="G28" s="18" t="s">
        <v>2965</v>
      </c>
      <c r="H28" s="18" t="s">
        <v>4523</v>
      </c>
      <c r="I28" s="33" t="s">
        <v>2936</v>
      </c>
      <c r="J28" s="33" t="s">
        <v>2636</v>
      </c>
    </row>
    <row r="29" spans="1:10" ht="28.5" customHeight="1" x14ac:dyDescent="0.2">
      <c r="A29" s="50"/>
      <c r="B29" s="20"/>
      <c r="C29" s="34"/>
      <c r="D29" s="20"/>
      <c r="E29" s="20"/>
      <c r="F29" s="20"/>
      <c r="G29" s="21" t="s">
        <v>4482</v>
      </c>
      <c r="H29" s="20"/>
      <c r="I29" s="34"/>
      <c r="J29" s="34"/>
    </row>
    <row r="30" spans="1:10" ht="28.5" customHeight="1" x14ac:dyDescent="0.2">
      <c r="A30" s="50">
        <v>15</v>
      </c>
      <c r="B30" s="18" t="s">
        <v>2966</v>
      </c>
      <c r="C30" s="33" t="s">
        <v>2932</v>
      </c>
      <c r="D30" s="18" t="s">
        <v>275</v>
      </c>
      <c r="E30" s="18" t="s">
        <v>2638</v>
      </c>
      <c r="F30" s="18" t="s">
        <v>2769</v>
      </c>
      <c r="G30" s="18" t="s">
        <v>2967</v>
      </c>
      <c r="H30" s="18" t="s">
        <v>4524</v>
      </c>
      <c r="I30" s="33" t="s">
        <v>2936</v>
      </c>
      <c r="J30" s="33" t="s">
        <v>2620</v>
      </c>
    </row>
    <row r="31" spans="1:10" ht="28.5" customHeight="1" x14ac:dyDescent="0.2">
      <c r="A31" s="50"/>
      <c r="B31" s="20"/>
      <c r="C31" s="34"/>
      <c r="D31" s="20"/>
      <c r="E31" s="20"/>
      <c r="F31" s="20"/>
      <c r="G31" s="21" t="s">
        <v>4484</v>
      </c>
      <c r="H31" s="20"/>
      <c r="I31" s="34"/>
      <c r="J31" s="34"/>
    </row>
    <row r="32" spans="1:10" ht="28.5" customHeight="1" x14ac:dyDescent="0.2">
      <c r="A32" s="50">
        <v>16</v>
      </c>
      <c r="B32" s="18" t="s">
        <v>2968</v>
      </c>
      <c r="C32" s="33" t="s">
        <v>2932</v>
      </c>
      <c r="D32" s="18" t="s">
        <v>251</v>
      </c>
      <c r="E32" s="18" t="s">
        <v>2642</v>
      </c>
      <c r="F32" s="18" t="s">
        <v>2969</v>
      </c>
      <c r="G32" s="18" t="s">
        <v>2970</v>
      </c>
      <c r="H32" s="18" t="s">
        <v>4864</v>
      </c>
      <c r="I32" s="33" t="s">
        <v>2936</v>
      </c>
      <c r="J32" s="33" t="s">
        <v>2971</v>
      </c>
    </row>
    <row r="33" spans="1:10" ht="28.5" customHeight="1" x14ac:dyDescent="0.2">
      <c r="A33" s="50"/>
      <c r="B33" s="20"/>
      <c r="C33" s="34"/>
      <c r="D33" s="20"/>
      <c r="E33" s="20"/>
      <c r="F33" s="20"/>
      <c r="G33" s="21" t="s">
        <v>3819</v>
      </c>
      <c r="H33" s="20"/>
      <c r="I33" s="34"/>
      <c r="J33" s="34"/>
    </row>
    <row r="34" spans="1:10" ht="28.5" customHeight="1" x14ac:dyDescent="0.2">
      <c r="A34" s="50">
        <v>17</v>
      </c>
      <c r="B34" s="18" t="s">
        <v>2972</v>
      </c>
      <c r="C34" s="33" t="s">
        <v>2932</v>
      </c>
      <c r="D34" s="18" t="s">
        <v>2973</v>
      </c>
      <c r="E34" s="18" t="s">
        <v>2974</v>
      </c>
      <c r="F34" s="18" t="s">
        <v>2975</v>
      </c>
      <c r="G34" s="18" t="s">
        <v>2976</v>
      </c>
      <c r="H34" s="18" t="s">
        <v>4877</v>
      </c>
      <c r="I34" s="33" t="s">
        <v>2936</v>
      </c>
      <c r="J34" s="33" t="s">
        <v>2620</v>
      </c>
    </row>
    <row r="35" spans="1:10" ht="28.5" customHeight="1" x14ac:dyDescent="0.2">
      <c r="A35" s="50"/>
      <c r="B35" s="20"/>
      <c r="C35" s="34"/>
      <c r="D35" s="20"/>
      <c r="E35" s="20"/>
      <c r="F35" s="20"/>
      <c r="G35" s="21" t="s">
        <v>4582</v>
      </c>
      <c r="H35" s="20"/>
      <c r="I35" s="34"/>
      <c r="J35" s="34"/>
    </row>
    <row r="36" spans="1:10" ht="28.5" customHeight="1" x14ac:dyDescent="0.2">
      <c r="A36" s="50">
        <v>18</v>
      </c>
      <c r="B36" s="18" t="s">
        <v>2977</v>
      </c>
      <c r="C36" s="33" t="s">
        <v>2932</v>
      </c>
      <c r="D36" s="18" t="s">
        <v>351</v>
      </c>
      <c r="E36" s="18" t="s">
        <v>2978</v>
      </c>
      <c r="F36" s="18" t="s">
        <v>2979</v>
      </c>
      <c r="G36" s="18" t="s">
        <v>2980</v>
      </c>
      <c r="H36" s="18" t="s">
        <v>3800</v>
      </c>
      <c r="I36" s="33" t="s">
        <v>2936</v>
      </c>
      <c r="J36" s="33" t="s">
        <v>2620</v>
      </c>
    </row>
    <row r="37" spans="1:10" ht="28.5" customHeight="1" x14ac:dyDescent="0.2">
      <c r="A37" s="50"/>
      <c r="B37" s="20"/>
      <c r="C37" s="34"/>
      <c r="D37" s="20"/>
      <c r="E37" s="20"/>
      <c r="F37" s="20"/>
      <c r="G37" s="21" t="s">
        <v>3800</v>
      </c>
      <c r="H37" s="20"/>
      <c r="I37" s="34"/>
      <c r="J37" s="34"/>
    </row>
    <row r="38" spans="1:10" ht="28.5" customHeight="1" x14ac:dyDescent="0.2">
      <c r="A38" s="50">
        <v>19</v>
      </c>
      <c r="B38" s="18" t="s">
        <v>2981</v>
      </c>
      <c r="C38" s="33" t="s">
        <v>2932</v>
      </c>
      <c r="D38" s="18" t="s">
        <v>2773</v>
      </c>
      <c r="E38" s="18" t="s">
        <v>2646</v>
      </c>
      <c r="F38" s="18" t="s">
        <v>2774</v>
      </c>
      <c r="G38" s="18" t="s">
        <v>2967</v>
      </c>
      <c r="H38" s="18" t="s">
        <v>4865</v>
      </c>
      <c r="I38" s="33" t="s">
        <v>2936</v>
      </c>
      <c r="J38" s="33" t="s">
        <v>2620</v>
      </c>
    </row>
    <row r="39" spans="1:10" ht="28.5" customHeight="1" x14ac:dyDescent="0.2">
      <c r="A39" s="50"/>
      <c r="B39" s="20"/>
      <c r="C39" s="34"/>
      <c r="D39" s="20"/>
      <c r="E39" s="20"/>
      <c r="F39" s="20"/>
      <c r="G39" s="21" t="s">
        <v>4484</v>
      </c>
      <c r="H39" s="20"/>
      <c r="I39" s="34"/>
      <c r="J39" s="34"/>
    </row>
    <row r="40" spans="1:10" ht="28.5" customHeight="1" x14ac:dyDescent="0.2">
      <c r="A40" s="50">
        <v>20</v>
      </c>
      <c r="B40" s="18" t="s">
        <v>2982</v>
      </c>
      <c r="C40" s="33" t="s">
        <v>2932</v>
      </c>
      <c r="D40" s="18" t="s">
        <v>2776</v>
      </c>
      <c r="E40" s="18" t="s">
        <v>2983</v>
      </c>
      <c r="F40" s="18" t="s">
        <v>2984</v>
      </c>
      <c r="G40" s="18" t="s">
        <v>2985</v>
      </c>
      <c r="H40" s="18" t="s">
        <v>4525</v>
      </c>
      <c r="I40" s="33" t="s">
        <v>2936</v>
      </c>
      <c r="J40" s="33" t="s">
        <v>2620</v>
      </c>
    </row>
    <row r="41" spans="1:10" ht="28.5" customHeight="1" x14ac:dyDescent="0.2">
      <c r="A41" s="50"/>
      <c r="B41" s="20"/>
      <c r="C41" s="34"/>
      <c r="D41" s="20"/>
      <c r="E41" s="20"/>
      <c r="F41" s="20"/>
      <c r="G41" s="21" t="s">
        <v>4525</v>
      </c>
      <c r="H41" s="20"/>
      <c r="I41" s="34"/>
      <c r="J41" s="34"/>
    </row>
    <row r="42" spans="1:10" ht="28.5" customHeight="1" x14ac:dyDescent="0.2">
      <c r="A42" s="50">
        <v>21</v>
      </c>
      <c r="B42" s="18" t="s">
        <v>2986</v>
      </c>
      <c r="C42" s="33" t="s">
        <v>2932</v>
      </c>
      <c r="D42" s="18" t="s">
        <v>2645</v>
      </c>
      <c r="E42" s="18" t="s">
        <v>2987</v>
      </c>
      <c r="F42" s="18" t="s">
        <v>2988</v>
      </c>
      <c r="G42" s="18" t="s">
        <v>2989</v>
      </c>
      <c r="H42" s="18" t="s">
        <v>4583</v>
      </c>
      <c r="I42" s="33" t="s">
        <v>2990</v>
      </c>
      <c r="J42" s="33" t="s">
        <v>2620</v>
      </c>
    </row>
    <row r="43" spans="1:10" ht="28.5" customHeight="1" x14ac:dyDescent="0.2">
      <c r="A43" s="50"/>
      <c r="B43" s="20"/>
      <c r="C43" s="34"/>
      <c r="D43" s="20"/>
      <c r="E43" s="20"/>
      <c r="F43" s="20"/>
      <c r="G43" s="21" t="s">
        <v>4584</v>
      </c>
      <c r="H43" s="20"/>
      <c r="I43" s="34"/>
      <c r="J43" s="34"/>
    </row>
    <row r="44" spans="1:10" ht="28.5" customHeight="1" x14ac:dyDescent="0.2">
      <c r="A44" s="50">
        <v>22</v>
      </c>
      <c r="B44" s="18" t="s">
        <v>2991</v>
      </c>
      <c r="C44" s="33" t="s">
        <v>2932</v>
      </c>
      <c r="D44" s="18" t="s">
        <v>2992</v>
      </c>
      <c r="E44" s="18" t="s">
        <v>2993</v>
      </c>
      <c r="F44" s="18" t="s">
        <v>2994</v>
      </c>
      <c r="G44" s="18" t="s">
        <v>2783</v>
      </c>
      <c r="H44" s="18" t="s">
        <v>4585</v>
      </c>
      <c r="I44" s="33" t="s">
        <v>2936</v>
      </c>
      <c r="J44" s="33" t="s">
        <v>2742</v>
      </c>
    </row>
    <row r="45" spans="1:10" ht="28.5" customHeight="1" x14ac:dyDescent="0.2">
      <c r="A45" s="50"/>
      <c r="B45" s="20"/>
      <c r="C45" s="34"/>
      <c r="D45" s="20"/>
      <c r="E45" s="20"/>
      <c r="F45" s="20"/>
      <c r="G45" s="21" t="s">
        <v>4490</v>
      </c>
      <c r="H45" s="20"/>
      <c r="I45" s="34"/>
      <c r="J45" s="34"/>
    </row>
    <row r="46" spans="1:10" ht="28.5" customHeight="1" x14ac:dyDescent="0.2">
      <c r="A46" s="50">
        <v>23</v>
      </c>
      <c r="B46" s="18" t="s">
        <v>2995</v>
      </c>
      <c r="C46" s="33" t="s">
        <v>2932</v>
      </c>
      <c r="D46" s="18" t="s">
        <v>495</v>
      </c>
      <c r="E46" s="18" t="s">
        <v>2996</v>
      </c>
      <c r="F46" s="18" t="s">
        <v>2997</v>
      </c>
      <c r="G46" s="18" t="s">
        <v>2998</v>
      </c>
      <c r="H46" s="18" t="s">
        <v>4586</v>
      </c>
      <c r="I46" s="33" t="s">
        <v>2999</v>
      </c>
      <c r="J46" s="33" t="s">
        <v>2636</v>
      </c>
    </row>
    <row r="47" spans="1:10" ht="28.5" customHeight="1" x14ac:dyDescent="0.2">
      <c r="A47" s="50"/>
      <c r="B47" s="20"/>
      <c r="C47" s="34"/>
      <c r="D47" s="20"/>
      <c r="E47" s="20"/>
      <c r="F47" s="20"/>
      <c r="G47" s="21" t="s">
        <v>3892</v>
      </c>
      <c r="H47" s="20"/>
      <c r="I47" s="34"/>
      <c r="J47" s="34"/>
    </row>
    <row r="48" spans="1:10" ht="28.5" customHeight="1" x14ac:dyDescent="0.2">
      <c r="A48" s="50">
        <v>24</v>
      </c>
      <c r="B48" s="18" t="s">
        <v>3000</v>
      </c>
      <c r="C48" s="33" t="s">
        <v>2932</v>
      </c>
      <c r="D48" s="18" t="s">
        <v>2785</v>
      </c>
      <c r="E48" s="18" t="s">
        <v>2786</v>
      </c>
      <c r="F48" s="18" t="s">
        <v>2787</v>
      </c>
      <c r="G48" s="18" t="s">
        <v>3001</v>
      </c>
      <c r="H48" s="18" t="s">
        <v>4527</v>
      </c>
      <c r="I48" s="33" t="s">
        <v>2936</v>
      </c>
      <c r="J48" s="33" t="s">
        <v>2620</v>
      </c>
    </row>
    <row r="49" spans="1:10" ht="28.5" customHeight="1" x14ac:dyDescent="0.2">
      <c r="A49" s="50"/>
      <c r="B49" s="20"/>
      <c r="C49" s="34"/>
      <c r="D49" s="20"/>
      <c r="E49" s="20"/>
      <c r="F49" s="20"/>
      <c r="G49" s="21" t="s">
        <v>4504</v>
      </c>
      <c r="H49" s="20"/>
      <c r="I49" s="34"/>
      <c r="J49" s="34"/>
    </row>
    <row r="50" spans="1:10" ht="28.5" customHeight="1" x14ac:dyDescent="0.2">
      <c r="A50" s="50">
        <v>25</v>
      </c>
      <c r="B50" s="18" t="s">
        <v>3002</v>
      </c>
      <c r="C50" s="33" t="s">
        <v>2932</v>
      </c>
      <c r="D50" s="18" t="s">
        <v>2790</v>
      </c>
      <c r="E50" s="18" t="s">
        <v>2791</v>
      </c>
      <c r="F50" s="18" t="s">
        <v>2792</v>
      </c>
      <c r="G50" s="18" t="s">
        <v>3003</v>
      </c>
      <c r="H50" s="18" t="s">
        <v>4528</v>
      </c>
      <c r="I50" s="33" t="s">
        <v>3004</v>
      </c>
      <c r="J50" s="33" t="s">
        <v>2742</v>
      </c>
    </row>
    <row r="51" spans="1:10" ht="28.5" customHeight="1" x14ac:dyDescent="0.2">
      <c r="A51" s="50"/>
      <c r="B51" s="20"/>
      <c r="C51" s="34"/>
      <c r="D51" s="20"/>
      <c r="E51" s="20"/>
      <c r="F51" s="20"/>
      <c r="G51" s="21" t="s">
        <v>4529</v>
      </c>
      <c r="H51" s="20"/>
      <c r="I51" s="34"/>
      <c r="J51" s="34"/>
    </row>
    <row r="52" spans="1:10" ht="28.5" customHeight="1" x14ac:dyDescent="0.2">
      <c r="A52" s="50">
        <v>26</v>
      </c>
      <c r="B52" s="18" t="s">
        <v>3005</v>
      </c>
      <c r="C52" s="33" t="s">
        <v>2932</v>
      </c>
      <c r="D52" s="18" t="s">
        <v>623</v>
      </c>
      <c r="E52" s="18" t="s">
        <v>2795</v>
      </c>
      <c r="F52" s="18" t="s">
        <v>2796</v>
      </c>
      <c r="G52" s="18" t="s">
        <v>3006</v>
      </c>
      <c r="H52" s="18" t="s">
        <v>4530</v>
      </c>
      <c r="I52" s="33" t="s">
        <v>2936</v>
      </c>
      <c r="J52" s="33" t="s">
        <v>2620</v>
      </c>
    </row>
    <row r="53" spans="1:10" ht="28.5" customHeight="1" x14ac:dyDescent="0.2">
      <c r="A53" s="50"/>
      <c r="B53" s="20"/>
      <c r="C53" s="34"/>
      <c r="D53" s="20"/>
      <c r="E53" s="20"/>
      <c r="F53" s="20"/>
      <c r="G53" s="21" t="s">
        <v>4531</v>
      </c>
      <c r="H53" s="20"/>
      <c r="I53" s="34"/>
      <c r="J53" s="34"/>
    </row>
    <row r="54" spans="1:10" ht="28.5" customHeight="1" x14ac:dyDescent="0.2">
      <c r="A54" s="50">
        <v>27</v>
      </c>
      <c r="B54" s="18" t="s">
        <v>3007</v>
      </c>
      <c r="C54" s="33" t="s">
        <v>2932</v>
      </c>
      <c r="D54" s="18" t="s">
        <v>2799</v>
      </c>
      <c r="E54" s="18" t="s">
        <v>2800</v>
      </c>
      <c r="F54" s="18" t="s">
        <v>2801</v>
      </c>
      <c r="G54" s="18" t="s">
        <v>3008</v>
      </c>
      <c r="H54" s="18" t="s">
        <v>4532</v>
      </c>
      <c r="I54" s="33" t="s">
        <v>2936</v>
      </c>
      <c r="J54" s="33" t="s">
        <v>2620</v>
      </c>
    </row>
    <row r="55" spans="1:10" ht="28.5" customHeight="1" x14ac:dyDescent="0.2">
      <c r="A55" s="50"/>
      <c r="B55" s="20"/>
      <c r="C55" s="34"/>
      <c r="D55" s="20"/>
      <c r="E55" s="20"/>
      <c r="F55" s="20"/>
      <c r="G55" s="21" t="s">
        <v>4533</v>
      </c>
      <c r="H55" s="20"/>
      <c r="I55" s="34"/>
      <c r="J55" s="34"/>
    </row>
    <row r="56" spans="1:10" ht="38.4" customHeight="1" x14ac:dyDescent="0.2">
      <c r="A56" s="50">
        <v>28</v>
      </c>
      <c r="B56" s="18" t="s">
        <v>3009</v>
      </c>
      <c r="C56" s="33" t="s">
        <v>2932</v>
      </c>
      <c r="D56" s="18" t="s">
        <v>750</v>
      </c>
      <c r="E56" s="18" t="s">
        <v>3010</v>
      </c>
      <c r="F56" s="18" t="s">
        <v>3011</v>
      </c>
      <c r="G56" s="18" t="s">
        <v>3012</v>
      </c>
      <c r="H56" s="18" t="s">
        <v>4587</v>
      </c>
      <c r="I56" s="33" t="s">
        <v>4906</v>
      </c>
      <c r="J56" s="33" t="s">
        <v>2620</v>
      </c>
    </row>
    <row r="57" spans="1:10" ht="28.5" customHeight="1" x14ac:dyDescent="0.2">
      <c r="A57" s="50"/>
      <c r="B57" s="20"/>
      <c r="C57" s="34"/>
      <c r="D57" s="20"/>
      <c r="E57" s="20"/>
      <c r="F57" s="20"/>
      <c r="G57" s="20" t="s">
        <v>4588</v>
      </c>
      <c r="H57" s="20"/>
      <c r="I57" s="34"/>
      <c r="J57" s="34"/>
    </row>
    <row r="58" spans="1:10" ht="28.5" customHeight="1" x14ac:dyDescent="0.2">
      <c r="A58" s="50">
        <v>29</v>
      </c>
      <c r="B58" s="18" t="s">
        <v>3013</v>
      </c>
      <c r="C58" s="33" t="s">
        <v>2932</v>
      </c>
      <c r="D58" s="18" t="s">
        <v>3014</v>
      </c>
      <c r="E58" s="18" t="s">
        <v>3015</v>
      </c>
      <c r="F58" s="18" t="s">
        <v>3016</v>
      </c>
      <c r="G58" s="18" t="s">
        <v>2807</v>
      </c>
      <c r="H58" s="18" t="s">
        <v>4534</v>
      </c>
      <c r="I58" s="33" t="s">
        <v>2936</v>
      </c>
      <c r="J58" s="33" t="s">
        <v>2620</v>
      </c>
    </row>
    <row r="59" spans="1:10" ht="28.5" customHeight="1" x14ac:dyDescent="0.2">
      <c r="A59" s="50"/>
      <c r="B59" s="20"/>
      <c r="C59" s="34"/>
      <c r="D59" s="20"/>
      <c r="E59" s="20"/>
      <c r="F59" s="20"/>
      <c r="G59" s="21" t="s">
        <v>4589</v>
      </c>
      <c r="H59" s="20"/>
      <c r="I59" s="34"/>
      <c r="J59" s="34"/>
    </row>
    <row r="60" spans="1:10" ht="28.5" customHeight="1" x14ac:dyDescent="0.2">
      <c r="A60" s="50">
        <v>30</v>
      </c>
      <c r="B60" s="18" t="s">
        <v>3017</v>
      </c>
      <c r="C60" s="33" t="s">
        <v>2932</v>
      </c>
      <c r="D60" s="18" t="s">
        <v>2809</v>
      </c>
      <c r="E60" s="18" t="s">
        <v>2810</v>
      </c>
      <c r="F60" s="18" t="s">
        <v>2811</v>
      </c>
      <c r="G60" s="18" t="s">
        <v>2812</v>
      </c>
      <c r="H60" s="18" t="s">
        <v>4536</v>
      </c>
      <c r="I60" s="33" t="s">
        <v>2999</v>
      </c>
      <c r="J60" s="33" t="s">
        <v>2620</v>
      </c>
    </row>
    <row r="61" spans="1:10" ht="28.5" customHeight="1" x14ac:dyDescent="0.2">
      <c r="A61" s="50"/>
      <c r="B61" s="20"/>
      <c r="C61" s="34"/>
      <c r="D61" s="20"/>
      <c r="E61" s="20"/>
      <c r="F61" s="20"/>
      <c r="G61" s="21" t="s">
        <v>4536</v>
      </c>
      <c r="H61" s="20"/>
      <c r="I61" s="34"/>
      <c r="J61" s="34"/>
    </row>
    <row r="62" spans="1:10" ht="28.5" customHeight="1" x14ac:dyDescent="0.2">
      <c r="A62" s="50">
        <v>31</v>
      </c>
      <c r="B62" s="18" t="s">
        <v>3018</v>
      </c>
      <c r="C62" s="33" t="s">
        <v>2932</v>
      </c>
      <c r="D62" s="18" t="s">
        <v>877</v>
      </c>
      <c r="E62" s="18" t="s">
        <v>878</v>
      </c>
      <c r="F62" s="18" t="s">
        <v>2815</v>
      </c>
      <c r="G62" s="18" t="s">
        <v>3019</v>
      </c>
      <c r="H62" s="18" t="s">
        <v>4537</v>
      </c>
      <c r="I62" s="33" t="s">
        <v>3020</v>
      </c>
      <c r="J62" s="33" t="s">
        <v>2620</v>
      </c>
    </row>
    <row r="63" spans="1:10" ht="28.5" customHeight="1" x14ac:dyDescent="0.2">
      <c r="A63" s="50"/>
      <c r="B63" s="20"/>
      <c r="C63" s="34"/>
      <c r="D63" s="20"/>
      <c r="E63" s="20"/>
      <c r="F63" s="20"/>
      <c r="G63" s="21" t="s">
        <v>4000</v>
      </c>
      <c r="H63" s="20"/>
      <c r="I63" s="34"/>
      <c r="J63" s="34"/>
    </row>
    <row r="64" spans="1:10" ht="28.5" customHeight="1" x14ac:dyDescent="0.2">
      <c r="A64" s="50">
        <v>32</v>
      </c>
      <c r="B64" s="18" t="s">
        <v>3021</v>
      </c>
      <c r="C64" s="33" t="s">
        <v>2932</v>
      </c>
      <c r="D64" s="18" t="s">
        <v>2817</v>
      </c>
      <c r="E64" s="18" t="s">
        <v>2818</v>
      </c>
      <c r="F64" s="18" t="s">
        <v>2819</v>
      </c>
      <c r="G64" s="18" t="s">
        <v>3022</v>
      </c>
      <c r="H64" s="18" t="s">
        <v>4538</v>
      </c>
      <c r="I64" s="33" t="s">
        <v>2936</v>
      </c>
      <c r="J64" s="33" t="s">
        <v>2620</v>
      </c>
    </row>
    <row r="65" spans="1:10" ht="28.5" customHeight="1" x14ac:dyDescent="0.2">
      <c r="A65" s="50"/>
      <c r="B65" s="20"/>
      <c r="C65" s="34"/>
      <c r="D65" s="20"/>
      <c r="E65" s="20"/>
      <c r="F65" s="20"/>
      <c r="G65" s="21" t="s">
        <v>4539</v>
      </c>
      <c r="H65" s="20"/>
      <c r="I65" s="34"/>
      <c r="J65" s="34"/>
    </row>
    <row r="66" spans="1:10" ht="28.5" customHeight="1" x14ac:dyDescent="0.2">
      <c r="A66" s="50">
        <v>33</v>
      </c>
      <c r="B66" s="18" t="s">
        <v>3023</v>
      </c>
      <c r="C66" s="33" t="s">
        <v>2932</v>
      </c>
      <c r="D66" s="18" t="s">
        <v>868</v>
      </c>
      <c r="E66" s="18" t="s">
        <v>2822</v>
      </c>
      <c r="F66" s="18" t="s">
        <v>2823</v>
      </c>
      <c r="G66" s="18" t="s">
        <v>2953</v>
      </c>
      <c r="H66" s="18" t="s">
        <v>4540</v>
      </c>
      <c r="I66" s="33" t="s">
        <v>2936</v>
      </c>
      <c r="J66" s="33" t="s">
        <v>2824</v>
      </c>
    </row>
    <row r="67" spans="1:10" ht="28.5" customHeight="1" x14ac:dyDescent="0.2">
      <c r="A67" s="50"/>
      <c r="B67" s="20"/>
      <c r="C67" s="34"/>
      <c r="D67" s="20"/>
      <c r="E67" s="20"/>
      <c r="F67" s="20"/>
      <c r="G67" s="21" t="s">
        <v>4862</v>
      </c>
      <c r="H67" s="20"/>
      <c r="I67" s="34"/>
      <c r="J67" s="34"/>
    </row>
    <row r="68" spans="1:10" ht="28.5" customHeight="1" x14ac:dyDescent="0.2">
      <c r="A68" s="50">
        <v>34</v>
      </c>
      <c r="B68" s="18" t="s">
        <v>3024</v>
      </c>
      <c r="C68" s="33" t="s">
        <v>2932</v>
      </c>
      <c r="D68" s="18" t="s">
        <v>906</v>
      </c>
      <c r="E68" s="18" t="s">
        <v>2826</v>
      </c>
      <c r="F68" s="18" t="s">
        <v>3025</v>
      </c>
      <c r="G68" s="18" t="s">
        <v>3026</v>
      </c>
      <c r="H68" s="18" t="s">
        <v>4541</v>
      </c>
      <c r="I68" s="33" t="s">
        <v>3027</v>
      </c>
      <c r="J68" s="33" t="s">
        <v>2620</v>
      </c>
    </row>
    <row r="69" spans="1:10" ht="28.5" customHeight="1" x14ac:dyDescent="0.2">
      <c r="A69" s="50"/>
      <c r="B69" s="20"/>
      <c r="C69" s="34"/>
      <c r="D69" s="20"/>
      <c r="E69" s="20"/>
      <c r="F69" s="20"/>
      <c r="G69" s="21" t="s">
        <v>3880</v>
      </c>
      <c r="H69" s="20"/>
      <c r="I69" s="34"/>
      <c r="J69" s="34"/>
    </row>
    <row r="70" spans="1:10" ht="28.5" customHeight="1" x14ac:dyDescent="0.2">
      <c r="A70" s="50">
        <v>35</v>
      </c>
      <c r="B70" s="18" t="s">
        <v>3028</v>
      </c>
      <c r="C70" s="33" t="s">
        <v>2932</v>
      </c>
      <c r="D70" s="18" t="s">
        <v>970</v>
      </c>
      <c r="E70" s="18" t="s">
        <v>971</v>
      </c>
      <c r="F70" s="18" t="s">
        <v>972</v>
      </c>
      <c r="G70" s="18" t="s">
        <v>3029</v>
      </c>
      <c r="H70" s="18" t="s">
        <v>4590</v>
      </c>
      <c r="I70" s="33" t="s">
        <v>3030</v>
      </c>
      <c r="J70" s="33" t="s">
        <v>2971</v>
      </c>
    </row>
    <row r="71" spans="1:10" ht="28.5" customHeight="1" x14ac:dyDescent="0.2">
      <c r="A71" s="50"/>
      <c r="B71" s="20"/>
      <c r="C71" s="34"/>
      <c r="D71" s="20"/>
      <c r="E71" s="20"/>
      <c r="F71" s="20"/>
      <c r="G71" s="21" t="s">
        <v>4028</v>
      </c>
      <c r="H71" s="20"/>
      <c r="I71" s="34"/>
      <c r="J71" s="34"/>
    </row>
    <row r="72" spans="1:10" ht="28.5" customHeight="1" x14ac:dyDescent="0.2">
      <c r="A72" s="50">
        <v>36</v>
      </c>
      <c r="B72" s="18" t="s">
        <v>3031</v>
      </c>
      <c r="C72" s="33" t="s">
        <v>2932</v>
      </c>
      <c r="D72" s="18" t="s">
        <v>2829</v>
      </c>
      <c r="E72" s="18" t="s">
        <v>2830</v>
      </c>
      <c r="F72" s="18" t="s">
        <v>2831</v>
      </c>
      <c r="G72" s="18" t="s">
        <v>3032</v>
      </c>
      <c r="H72" s="18" t="s">
        <v>4542</v>
      </c>
      <c r="I72" s="33" t="s">
        <v>2936</v>
      </c>
      <c r="J72" s="33" t="s">
        <v>2742</v>
      </c>
    </row>
    <row r="73" spans="1:10" ht="28.5" customHeight="1" x14ac:dyDescent="0.2">
      <c r="A73" s="50"/>
      <c r="B73" s="20"/>
      <c r="C73" s="34"/>
      <c r="D73" s="20"/>
      <c r="E73" s="20"/>
      <c r="F73" s="20"/>
      <c r="G73" s="21" t="s">
        <v>4542</v>
      </c>
      <c r="H73" s="20"/>
      <c r="I73" s="34"/>
      <c r="J73" s="34"/>
    </row>
    <row r="74" spans="1:10" ht="28.5" customHeight="1" x14ac:dyDescent="0.2">
      <c r="A74" s="50">
        <v>37</v>
      </c>
      <c r="B74" s="18" t="s">
        <v>3033</v>
      </c>
      <c r="C74" s="33" t="s">
        <v>2932</v>
      </c>
      <c r="D74" s="18" t="s">
        <v>2834</v>
      </c>
      <c r="E74" s="18" t="s">
        <v>2835</v>
      </c>
      <c r="F74" s="18" t="s">
        <v>2836</v>
      </c>
      <c r="G74" s="18" t="s">
        <v>2837</v>
      </c>
      <c r="H74" s="18" t="s">
        <v>4543</v>
      </c>
      <c r="I74" s="33" t="s">
        <v>3030</v>
      </c>
      <c r="J74" s="33" t="s">
        <v>2824</v>
      </c>
    </row>
    <row r="75" spans="1:10" ht="28.5" customHeight="1" x14ac:dyDescent="0.2">
      <c r="A75" s="50"/>
      <c r="B75" s="20"/>
      <c r="C75" s="34"/>
      <c r="D75" s="20"/>
      <c r="E75" s="20"/>
      <c r="F75" s="20"/>
      <c r="G75" s="21" t="s">
        <v>4544</v>
      </c>
      <c r="H75" s="20"/>
      <c r="I75" s="34"/>
      <c r="J75" s="34"/>
    </row>
    <row r="76" spans="1:10" ht="28.5" customHeight="1" x14ac:dyDescent="0.2">
      <c r="A76" s="50">
        <v>38</v>
      </c>
      <c r="B76" s="18" t="s">
        <v>3034</v>
      </c>
      <c r="C76" s="33" t="s">
        <v>2932</v>
      </c>
      <c r="D76" s="18" t="s">
        <v>1200</v>
      </c>
      <c r="E76" s="18" t="s">
        <v>1201</v>
      </c>
      <c r="F76" s="18" t="s">
        <v>2661</v>
      </c>
      <c r="G76" s="18" t="s">
        <v>3035</v>
      </c>
      <c r="H76" s="18" t="s">
        <v>4091</v>
      </c>
      <c r="I76" s="33" t="s">
        <v>3036</v>
      </c>
      <c r="J76" s="33" t="s">
        <v>3037</v>
      </c>
    </row>
    <row r="77" spans="1:10" ht="28.5" customHeight="1" x14ac:dyDescent="0.2">
      <c r="A77" s="50"/>
      <c r="B77" s="20"/>
      <c r="C77" s="34"/>
      <c r="D77" s="20"/>
      <c r="E77" s="20"/>
      <c r="F77" s="20"/>
      <c r="G77" s="21" t="s">
        <v>4091</v>
      </c>
      <c r="H77" s="20"/>
      <c r="I77" s="34"/>
      <c r="J77" s="34"/>
    </row>
    <row r="78" spans="1:10" ht="28.5" customHeight="1" x14ac:dyDescent="0.2">
      <c r="A78" s="50">
        <v>39</v>
      </c>
      <c r="B78" s="18" t="s">
        <v>3038</v>
      </c>
      <c r="C78" s="33" t="s">
        <v>2932</v>
      </c>
      <c r="D78" s="18" t="s">
        <v>2840</v>
      </c>
      <c r="E78" s="18" t="s">
        <v>2841</v>
      </c>
      <c r="F78" s="18" t="s">
        <v>2842</v>
      </c>
      <c r="G78" s="18" t="s">
        <v>2947</v>
      </c>
      <c r="H78" s="18" t="s">
        <v>4591</v>
      </c>
      <c r="I78" s="33" t="s">
        <v>2936</v>
      </c>
      <c r="J78" s="33" t="s">
        <v>2824</v>
      </c>
    </row>
    <row r="79" spans="1:10" ht="28.5" customHeight="1" x14ac:dyDescent="0.2">
      <c r="A79" s="50"/>
      <c r="B79" s="20"/>
      <c r="C79" s="34"/>
      <c r="D79" s="20"/>
      <c r="E79" s="20"/>
      <c r="F79" s="20"/>
      <c r="G79" s="21" t="s">
        <v>4546</v>
      </c>
      <c r="H79" s="20"/>
      <c r="I79" s="34"/>
      <c r="J79" s="34"/>
    </row>
    <row r="80" spans="1:10" ht="28.5" customHeight="1" x14ac:dyDescent="0.2">
      <c r="A80" s="50">
        <v>40</v>
      </c>
      <c r="B80" s="18" t="s">
        <v>3039</v>
      </c>
      <c r="C80" s="33" t="s">
        <v>2932</v>
      </c>
      <c r="D80" s="18" t="s">
        <v>1282</v>
      </c>
      <c r="E80" s="18" t="s">
        <v>1283</v>
      </c>
      <c r="F80" s="18" t="s">
        <v>2845</v>
      </c>
      <c r="G80" s="18" t="s">
        <v>3040</v>
      </c>
      <c r="H80" s="18" t="s">
        <v>4547</v>
      </c>
      <c r="I80" s="33" t="s">
        <v>3030</v>
      </c>
      <c r="J80" s="33" t="s">
        <v>2636</v>
      </c>
    </row>
    <row r="81" spans="1:10" ht="28.5" customHeight="1" x14ac:dyDescent="0.2">
      <c r="A81" s="50"/>
      <c r="B81" s="20"/>
      <c r="C81" s="34"/>
      <c r="D81" s="20"/>
      <c r="E81" s="20"/>
      <c r="F81" s="20"/>
      <c r="G81" s="21" t="s">
        <v>4113</v>
      </c>
      <c r="H81" s="20"/>
      <c r="I81" s="34"/>
      <c r="J81" s="34"/>
    </row>
    <row r="82" spans="1:10" ht="28.5" customHeight="1" x14ac:dyDescent="0.2">
      <c r="A82" s="50">
        <v>41</v>
      </c>
      <c r="B82" s="18" t="s">
        <v>3041</v>
      </c>
      <c r="C82" s="33" t="s">
        <v>2932</v>
      </c>
      <c r="D82" s="18" t="s">
        <v>1307</v>
      </c>
      <c r="E82" s="18" t="s">
        <v>1308</v>
      </c>
      <c r="F82" s="18" t="s">
        <v>2847</v>
      </c>
      <c r="G82" s="18" t="s">
        <v>3042</v>
      </c>
      <c r="H82" s="18" t="s">
        <v>4548</v>
      </c>
      <c r="I82" s="33" t="s">
        <v>2936</v>
      </c>
      <c r="J82" s="33" t="s">
        <v>2636</v>
      </c>
    </row>
    <row r="83" spans="1:10" ht="28.5" customHeight="1" x14ac:dyDescent="0.2">
      <c r="A83" s="50"/>
      <c r="B83" s="20"/>
      <c r="C83" s="34"/>
      <c r="D83" s="20"/>
      <c r="E83" s="20"/>
      <c r="F83" s="20"/>
      <c r="G83" s="21" t="s">
        <v>4122</v>
      </c>
      <c r="H83" s="20"/>
      <c r="I83" s="34"/>
      <c r="J83" s="34"/>
    </row>
    <row r="84" spans="1:10" ht="28.5" customHeight="1" x14ac:dyDescent="0.2">
      <c r="A84" s="50">
        <v>42</v>
      </c>
      <c r="B84" s="18" t="s">
        <v>3043</v>
      </c>
      <c r="C84" s="33" t="s">
        <v>2932</v>
      </c>
      <c r="D84" s="18" t="s">
        <v>2849</v>
      </c>
      <c r="E84" s="18" t="s">
        <v>2850</v>
      </c>
      <c r="F84" s="18" t="s">
        <v>3044</v>
      </c>
      <c r="G84" s="18" t="s">
        <v>3045</v>
      </c>
      <c r="H84" s="18" t="s">
        <v>4592</v>
      </c>
      <c r="I84" s="33" t="s">
        <v>2936</v>
      </c>
      <c r="J84" s="33" t="s">
        <v>2636</v>
      </c>
    </row>
    <row r="85" spans="1:10" ht="28.5" customHeight="1" x14ac:dyDescent="0.2">
      <c r="A85" s="50"/>
      <c r="B85" s="20"/>
      <c r="C85" s="34"/>
      <c r="D85" s="20"/>
      <c r="E85" s="20"/>
      <c r="F85" s="20"/>
      <c r="G85" s="21" t="s">
        <v>4550</v>
      </c>
      <c r="H85" s="20"/>
      <c r="I85" s="34"/>
      <c r="J85" s="34"/>
    </row>
    <row r="86" spans="1:10" ht="28.5" customHeight="1" x14ac:dyDescent="0.2">
      <c r="A86" s="50">
        <v>43</v>
      </c>
      <c r="B86" s="18" t="s">
        <v>3046</v>
      </c>
      <c r="C86" s="33" t="s">
        <v>2932</v>
      </c>
      <c r="D86" s="18" t="s">
        <v>2854</v>
      </c>
      <c r="E86" s="18" t="s">
        <v>2855</v>
      </c>
      <c r="F86" s="18" t="s">
        <v>2856</v>
      </c>
      <c r="G86" s="18" t="s">
        <v>3047</v>
      </c>
      <c r="H86" s="18" t="s">
        <v>4551</v>
      </c>
      <c r="I86" s="33" t="s">
        <v>2936</v>
      </c>
      <c r="J86" s="33" t="s">
        <v>2620</v>
      </c>
    </row>
    <row r="87" spans="1:10" ht="28.5" customHeight="1" x14ac:dyDescent="0.2">
      <c r="A87" s="50"/>
      <c r="B87" s="20"/>
      <c r="C87" s="34"/>
      <c r="D87" s="20"/>
      <c r="E87" s="20"/>
      <c r="F87" s="20"/>
      <c r="G87" s="21" t="s">
        <v>4131</v>
      </c>
      <c r="H87" s="20"/>
      <c r="I87" s="34"/>
      <c r="J87" s="34"/>
    </row>
    <row r="88" spans="1:10" ht="28.5" customHeight="1" x14ac:dyDescent="0.2">
      <c r="A88" s="50">
        <v>44</v>
      </c>
      <c r="B88" s="18" t="s">
        <v>3048</v>
      </c>
      <c r="C88" s="33" t="s">
        <v>2932</v>
      </c>
      <c r="D88" s="18" t="s">
        <v>3049</v>
      </c>
      <c r="E88" s="18" t="s">
        <v>3050</v>
      </c>
      <c r="F88" s="18" t="s">
        <v>3051</v>
      </c>
      <c r="G88" s="18" t="s">
        <v>3052</v>
      </c>
      <c r="H88" s="18" t="s">
        <v>4878</v>
      </c>
      <c r="I88" s="33" t="s">
        <v>3053</v>
      </c>
      <c r="J88" s="33" t="s">
        <v>2813</v>
      </c>
    </row>
    <row r="89" spans="1:10" ht="28.5" customHeight="1" x14ac:dyDescent="0.2">
      <c r="A89" s="50"/>
      <c r="B89" s="20"/>
      <c r="C89" s="34"/>
      <c r="D89" s="20"/>
      <c r="E89" s="20"/>
      <c r="F89" s="20"/>
      <c r="G89" s="21" t="s">
        <v>4494</v>
      </c>
      <c r="H89" s="20"/>
      <c r="I89" s="34"/>
      <c r="J89" s="34"/>
    </row>
    <row r="90" spans="1:10" ht="28.5" customHeight="1" x14ac:dyDescent="0.2">
      <c r="A90" s="50">
        <v>45</v>
      </c>
      <c r="B90" s="18" t="s">
        <v>3054</v>
      </c>
      <c r="C90" s="33" t="s">
        <v>2932</v>
      </c>
      <c r="D90" s="18" t="s">
        <v>3055</v>
      </c>
      <c r="E90" s="18" t="s">
        <v>3056</v>
      </c>
      <c r="F90" s="18" t="s">
        <v>3057</v>
      </c>
      <c r="G90" s="18" t="s">
        <v>3058</v>
      </c>
      <c r="H90" s="18" t="s">
        <v>4593</v>
      </c>
      <c r="I90" s="33" t="s">
        <v>2936</v>
      </c>
      <c r="J90" s="33" t="s">
        <v>2620</v>
      </c>
    </row>
    <row r="91" spans="1:10" ht="28.5" customHeight="1" x14ac:dyDescent="0.2">
      <c r="A91" s="50"/>
      <c r="B91" s="20"/>
      <c r="C91" s="34"/>
      <c r="D91" s="20"/>
      <c r="E91" s="20"/>
      <c r="F91" s="20"/>
      <c r="G91" s="21" t="s">
        <v>4594</v>
      </c>
      <c r="H91" s="20"/>
      <c r="I91" s="34"/>
      <c r="J91" s="34"/>
    </row>
    <row r="92" spans="1:10" ht="28.5" customHeight="1" x14ac:dyDescent="0.2">
      <c r="A92" s="50">
        <v>46</v>
      </c>
      <c r="B92" s="18" t="s">
        <v>3059</v>
      </c>
      <c r="C92" s="33" t="s">
        <v>2932</v>
      </c>
      <c r="D92" s="18" t="s">
        <v>2677</v>
      </c>
      <c r="E92" s="18" t="s">
        <v>2678</v>
      </c>
      <c r="F92" s="18" t="s">
        <v>3060</v>
      </c>
      <c r="G92" s="18" t="s">
        <v>3061</v>
      </c>
      <c r="H92" s="18" t="s">
        <v>4595</v>
      </c>
      <c r="I92" s="33" t="s">
        <v>2936</v>
      </c>
      <c r="J92" s="33" t="s">
        <v>2636</v>
      </c>
    </row>
    <row r="93" spans="1:10" ht="28.5" customHeight="1" x14ac:dyDescent="0.2">
      <c r="A93" s="50"/>
      <c r="B93" s="20"/>
      <c r="C93" s="34"/>
      <c r="D93" s="20"/>
      <c r="E93" s="20"/>
      <c r="F93" s="20"/>
      <c r="G93" s="21" t="s">
        <v>4495</v>
      </c>
      <c r="H93" s="20"/>
      <c r="I93" s="34"/>
      <c r="J93" s="34"/>
    </row>
    <row r="94" spans="1:10" ht="28.5" customHeight="1" x14ac:dyDescent="0.2">
      <c r="A94" s="50">
        <v>47</v>
      </c>
      <c r="B94" s="18" t="s">
        <v>3062</v>
      </c>
      <c r="C94" s="33" t="s">
        <v>2932</v>
      </c>
      <c r="D94" s="18" t="s">
        <v>3063</v>
      </c>
      <c r="E94" s="18" t="s">
        <v>3064</v>
      </c>
      <c r="F94" s="18" t="s">
        <v>3065</v>
      </c>
      <c r="G94" s="18" t="s">
        <v>3066</v>
      </c>
      <c r="H94" s="18" t="s">
        <v>4596</v>
      </c>
      <c r="I94" s="33" t="s">
        <v>2936</v>
      </c>
      <c r="J94" s="33" t="s">
        <v>2620</v>
      </c>
    </row>
    <row r="95" spans="1:10" ht="28.5" customHeight="1" x14ac:dyDescent="0.2">
      <c r="A95" s="50"/>
      <c r="B95" s="20"/>
      <c r="C95" s="34"/>
      <c r="D95" s="20"/>
      <c r="E95" s="20"/>
      <c r="F95" s="20"/>
      <c r="G95" s="21" t="s">
        <v>4193</v>
      </c>
      <c r="H95" s="20"/>
      <c r="I95" s="34"/>
      <c r="J95" s="34"/>
    </row>
    <row r="96" spans="1:10" ht="28.5" customHeight="1" x14ac:dyDescent="0.2">
      <c r="A96" s="50">
        <v>48</v>
      </c>
      <c r="B96" s="18" t="s">
        <v>3067</v>
      </c>
      <c r="C96" s="33" t="s">
        <v>2932</v>
      </c>
      <c r="D96" s="18" t="s">
        <v>2861</v>
      </c>
      <c r="E96" s="18" t="s">
        <v>3068</v>
      </c>
      <c r="F96" s="18" t="s">
        <v>2863</v>
      </c>
      <c r="G96" s="18" t="s">
        <v>3069</v>
      </c>
      <c r="H96" s="18" t="s">
        <v>4553</v>
      </c>
      <c r="I96" s="33" t="s">
        <v>2936</v>
      </c>
      <c r="J96" s="33" t="s">
        <v>2620</v>
      </c>
    </row>
    <row r="97" spans="1:10" ht="28.5" customHeight="1" x14ac:dyDescent="0.2">
      <c r="A97" s="50"/>
      <c r="B97" s="20"/>
      <c r="C97" s="34"/>
      <c r="D97" s="20"/>
      <c r="E97" s="20"/>
      <c r="F97" s="20"/>
      <c r="G97" s="21" t="s">
        <v>4554</v>
      </c>
      <c r="H97" s="20"/>
      <c r="I97" s="34"/>
      <c r="J97" s="34"/>
    </row>
    <row r="98" spans="1:10" ht="28.5" customHeight="1" x14ac:dyDescent="0.2">
      <c r="A98" s="50">
        <v>49</v>
      </c>
      <c r="B98" s="18" t="s">
        <v>3070</v>
      </c>
      <c r="C98" s="33" t="s">
        <v>2932</v>
      </c>
      <c r="D98" s="18" t="s">
        <v>3071</v>
      </c>
      <c r="E98" s="18" t="s">
        <v>3072</v>
      </c>
      <c r="F98" s="18" t="s">
        <v>3073</v>
      </c>
      <c r="G98" s="18" t="s">
        <v>3074</v>
      </c>
      <c r="H98" s="18" t="s">
        <v>4597</v>
      </c>
      <c r="I98" s="33" t="s">
        <v>2936</v>
      </c>
      <c r="J98" s="33" t="s">
        <v>2620</v>
      </c>
    </row>
    <row r="99" spans="1:10" ht="28.5" customHeight="1" x14ac:dyDescent="0.2">
      <c r="A99" s="50"/>
      <c r="B99" s="20"/>
      <c r="C99" s="34"/>
      <c r="D99" s="20"/>
      <c r="E99" s="20"/>
      <c r="F99" s="20"/>
      <c r="G99" s="21" t="s">
        <v>4598</v>
      </c>
      <c r="H99" s="20"/>
      <c r="I99" s="34"/>
      <c r="J99" s="34"/>
    </row>
    <row r="100" spans="1:10" ht="28.5" customHeight="1" x14ac:dyDescent="0.2">
      <c r="A100" s="50">
        <v>50</v>
      </c>
      <c r="B100" s="18" t="s">
        <v>3075</v>
      </c>
      <c r="C100" s="33" t="s">
        <v>2932</v>
      </c>
      <c r="D100" s="18" t="s">
        <v>1685</v>
      </c>
      <c r="E100" s="18" t="s">
        <v>3076</v>
      </c>
      <c r="F100" s="18" t="s">
        <v>3077</v>
      </c>
      <c r="G100" s="18" t="s">
        <v>3078</v>
      </c>
      <c r="H100" s="18" t="s">
        <v>4599</v>
      </c>
      <c r="I100" s="33" t="s">
        <v>3079</v>
      </c>
      <c r="J100" s="33" t="s">
        <v>2620</v>
      </c>
    </row>
    <row r="101" spans="1:10" ht="28.5" customHeight="1" x14ac:dyDescent="0.2">
      <c r="A101" s="50"/>
      <c r="B101" s="20"/>
      <c r="C101" s="34"/>
      <c r="D101" s="20"/>
      <c r="E101" s="20"/>
      <c r="F101" s="20"/>
      <c r="G101" s="21" t="s">
        <v>4600</v>
      </c>
      <c r="H101" s="20"/>
      <c r="I101" s="34"/>
      <c r="J101" s="34"/>
    </row>
    <row r="102" spans="1:10" ht="28.5" customHeight="1" x14ac:dyDescent="0.2">
      <c r="A102" s="50">
        <v>51</v>
      </c>
      <c r="B102" s="18" t="s">
        <v>4907</v>
      </c>
      <c r="C102" s="33" t="s">
        <v>2932</v>
      </c>
      <c r="D102" s="18" t="s">
        <v>2865</v>
      </c>
      <c r="E102" s="18" t="s">
        <v>2866</v>
      </c>
      <c r="F102" s="18" t="s">
        <v>2867</v>
      </c>
      <c r="G102" s="18" t="s">
        <v>3080</v>
      </c>
      <c r="H102" s="18" t="s">
        <v>4555</v>
      </c>
      <c r="I102" s="33" t="s">
        <v>2936</v>
      </c>
      <c r="J102" s="33" t="s">
        <v>2636</v>
      </c>
    </row>
    <row r="103" spans="1:10" ht="28.5" customHeight="1" x14ac:dyDescent="0.2">
      <c r="A103" s="50"/>
      <c r="B103" s="20"/>
      <c r="C103" s="34"/>
      <c r="D103" s="20"/>
      <c r="E103" s="20"/>
      <c r="F103" s="20"/>
      <c r="G103" s="21" t="s">
        <v>4867</v>
      </c>
      <c r="H103" s="20"/>
      <c r="I103" s="34"/>
      <c r="J103" s="34"/>
    </row>
    <row r="104" spans="1:10" ht="28.5" customHeight="1" x14ac:dyDescent="0.2">
      <c r="A104" s="50">
        <v>52</v>
      </c>
      <c r="B104" s="18" t="s">
        <v>3081</v>
      </c>
      <c r="C104" s="33" t="s">
        <v>2932</v>
      </c>
      <c r="D104" s="18" t="s">
        <v>2682</v>
      </c>
      <c r="E104" s="18" t="s">
        <v>2683</v>
      </c>
      <c r="F104" s="18" t="s">
        <v>2684</v>
      </c>
      <c r="G104" s="18" t="s">
        <v>3082</v>
      </c>
      <c r="H104" s="18" t="s">
        <v>4556</v>
      </c>
      <c r="I104" s="33" t="s">
        <v>2936</v>
      </c>
      <c r="J104" s="33" t="s">
        <v>2620</v>
      </c>
    </row>
    <row r="105" spans="1:10" ht="28.5" customHeight="1" x14ac:dyDescent="0.2">
      <c r="A105" s="50"/>
      <c r="B105" s="20"/>
      <c r="C105" s="34"/>
      <c r="D105" s="20"/>
      <c r="E105" s="20"/>
      <c r="F105" s="20"/>
      <c r="G105" s="21" t="s">
        <v>4879</v>
      </c>
      <c r="H105" s="20"/>
      <c r="I105" s="34"/>
      <c r="J105" s="34"/>
    </row>
    <row r="106" spans="1:10" ht="28.5" customHeight="1" x14ac:dyDescent="0.2">
      <c r="A106" s="50">
        <v>53</v>
      </c>
      <c r="B106" s="18" t="s">
        <v>3083</v>
      </c>
      <c r="C106" s="33" t="s">
        <v>2932</v>
      </c>
      <c r="D106" s="18" t="s">
        <v>3084</v>
      </c>
      <c r="E106" s="18" t="s">
        <v>3085</v>
      </c>
      <c r="F106" s="18" t="s">
        <v>3086</v>
      </c>
      <c r="G106" s="18" t="s">
        <v>3087</v>
      </c>
      <c r="H106" s="18" t="s">
        <v>4269</v>
      </c>
      <c r="I106" s="33" t="s">
        <v>2936</v>
      </c>
      <c r="J106" s="33" t="s">
        <v>2620</v>
      </c>
    </row>
    <row r="107" spans="1:10" ht="28.5" customHeight="1" x14ac:dyDescent="0.2">
      <c r="A107" s="50"/>
      <c r="B107" s="20"/>
      <c r="C107" s="34"/>
      <c r="D107" s="20"/>
      <c r="E107" s="20"/>
      <c r="F107" s="20"/>
      <c r="G107" s="21" t="s">
        <v>4269</v>
      </c>
      <c r="H107" s="20"/>
      <c r="I107" s="34"/>
      <c r="J107" s="34"/>
    </row>
    <row r="108" spans="1:10" ht="28.5" customHeight="1" x14ac:dyDescent="0.2">
      <c r="A108" s="50">
        <v>54</v>
      </c>
      <c r="B108" s="18" t="s">
        <v>3088</v>
      </c>
      <c r="C108" s="33" t="s">
        <v>2932</v>
      </c>
      <c r="D108" s="18" t="s">
        <v>2871</v>
      </c>
      <c r="E108" s="18" t="s">
        <v>2872</v>
      </c>
      <c r="F108" s="18" t="s">
        <v>2873</v>
      </c>
      <c r="G108" s="18" t="s">
        <v>2874</v>
      </c>
      <c r="H108" s="18" t="s">
        <v>4880</v>
      </c>
      <c r="I108" s="33" t="s">
        <v>2936</v>
      </c>
      <c r="J108" s="33" t="s">
        <v>2742</v>
      </c>
    </row>
    <row r="109" spans="1:10" ht="28.5" customHeight="1" x14ac:dyDescent="0.2">
      <c r="A109" s="50"/>
      <c r="B109" s="20"/>
      <c r="C109" s="34"/>
      <c r="D109" s="20"/>
      <c r="E109" s="20"/>
      <c r="F109" s="20"/>
      <c r="G109" s="21" t="s">
        <v>4558</v>
      </c>
      <c r="H109" s="20"/>
      <c r="I109" s="34"/>
      <c r="J109" s="34"/>
    </row>
    <row r="110" spans="1:10" ht="28.5" customHeight="1" x14ac:dyDescent="0.2">
      <c r="A110" s="50">
        <v>55</v>
      </c>
      <c r="B110" s="18" t="s">
        <v>3089</v>
      </c>
      <c r="C110" s="33" t="s">
        <v>2932</v>
      </c>
      <c r="D110" s="18" t="s">
        <v>1872</v>
      </c>
      <c r="E110" s="18" t="s">
        <v>2876</v>
      </c>
      <c r="F110" s="18" t="s">
        <v>2877</v>
      </c>
      <c r="G110" s="18" t="s">
        <v>3090</v>
      </c>
      <c r="H110" s="18" t="s">
        <v>4868</v>
      </c>
      <c r="I110" s="33" t="s">
        <v>2936</v>
      </c>
      <c r="J110" s="33" t="s">
        <v>2742</v>
      </c>
    </row>
    <row r="111" spans="1:10" ht="28.5" customHeight="1" x14ac:dyDescent="0.2">
      <c r="A111" s="50"/>
      <c r="B111" s="20"/>
      <c r="C111" s="34"/>
      <c r="D111" s="20"/>
      <c r="E111" s="20"/>
      <c r="F111" s="20"/>
      <c r="G111" s="21" t="s">
        <v>4559</v>
      </c>
      <c r="H111" s="20"/>
      <c r="I111" s="34"/>
      <c r="J111" s="34"/>
    </row>
    <row r="112" spans="1:10" ht="28.5" customHeight="1" x14ac:dyDescent="0.2">
      <c r="A112" s="50">
        <v>56</v>
      </c>
      <c r="B112" s="18" t="s">
        <v>3091</v>
      </c>
      <c r="C112" s="33" t="s">
        <v>2932</v>
      </c>
      <c r="D112" s="18" t="s">
        <v>1912</v>
      </c>
      <c r="E112" s="18" t="s">
        <v>2880</v>
      </c>
      <c r="F112" s="18" t="s">
        <v>2881</v>
      </c>
      <c r="G112" s="18" t="s">
        <v>3092</v>
      </c>
      <c r="H112" s="18" t="s">
        <v>4560</v>
      </c>
      <c r="I112" s="33" t="s">
        <v>2936</v>
      </c>
      <c r="J112" s="33" t="s">
        <v>2636</v>
      </c>
    </row>
    <row r="113" spans="1:10" ht="28.5" customHeight="1" x14ac:dyDescent="0.2">
      <c r="A113" s="50"/>
      <c r="B113" s="20"/>
      <c r="C113" s="34"/>
      <c r="D113" s="20"/>
      <c r="E113" s="20"/>
      <c r="F113" s="20"/>
      <c r="G113" s="20" t="s">
        <v>4561</v>
      </c>
      <c r="H113" s="20"/>
      <c r="I113" s="34"/>
      <c r="J113" s="34"/>
    </row>
    <row r="114" spans="1:10" ht="28.5" customHeight="1" x14ac:dyDescent="0.2">
      <c r="A114" s="50">
        <v>57</v>
      </c>
      <c r="B114" s="18" t="s">
        <v>3093</v>
      </c>
      <c r="C114" s="33" t="s">
        <v>2932</v>
      </c>
      <c r="D114" s="18" t="s">
        <v>1872</v>
      </c>
      <c r="E114" s="18" t="s">
        <v>2884</v>
      </c>
      <c r="F114" s="18" t="s">
        <v>2885</v>
      </c>
      <c r="G114" s="18" t="s">
        <v>3094</v>
      </c>
      <c r="H114" s="18" t="s">
        <v>4562</v>
      </c>
      <c r="I114" s="33" t="s">
        <v>3095</v>
      </c>
      <c r="J114" s="33" t="s">
        <v>2636</v>
      </c>
    </row>
    <row r="115" spans="1:10" ht="28.5" customHeight="1" x14ac:dyDescent="0.2">
      <c r="A115" s="50"/>
      <c r="B115" s="20"/>
      <c r="C115" s="34"/>
      <c r="D115" s="20"/>
      <c r="E115" s="20"/>
      <c r="F115" s="20"/>
      <c r="G115" s="21" t="s">
        <v>4563</v>
      </c>
      <c r="H115" s="20"/>
      <c r="I115" s="34"/>
      <c r="J115" s="34"/>
    </row>
    <row r="116" spans="1:10" ht="28.5" customHeight="1" x14ac:dyDescent="0.2">
      <c r="A116" s="50">
        <v>58</v>
      </c>
      <c r="B116" s="18" t="s">
        <v>4881</v>
      </c>
      <c r="C116" s="33" t="s">
        <v>2932</v>
      </c>
      <c r="D116" s="18" t="s">
        <v>1877</v>
      </c>
      <c r="E116" s="18" t="s">
        <v>1878</v>
      </c>
      <c r="F116" s="18" t="s">
        <v>1879</v>
      </c>
      <c r="G116" s="18" t="s">
        <v>3096</v>
      </c>
      <c r="H116" s="18" t="s">
        <v>4870</v>
      </c>
      <c r="I116" s="33" t="s">
        <v>2936</v>
      </c>
      <c r="J116" s="33" t="s">
        <v>2824</v>
      </c>
    </row>
    <row r="117" spans="1:10" ht="28.5" customHeight="1" x14ac:dyDescent="0.2">
      <c r="A117" s="50"/>
      <c r="B117" s="20"/>
      <c r="C117" s="34"/>
      <c r="D117" s="20"/>
      <c r="E117" s="20"/>
      <c r="F117" s="20"/>
      <c r="G117" s="21" t="s">
        <v>4283</v>
      </c>
      <c r="H117" s="20"/>
      <c r="I117" s="34"/>
      <c r="J117" s="34"/>
    </row>
    <row r="118" spans="1:10" ht="28.5" customHeight="1" x14ac:dyDescent="0.2">
      <c r="A118" s="50">
        <v>59</v>
      </c>
      <c r="B118" s="18" t="s">
        <v>3097</v>
      </c>
      <c r="C118" s="33" t="s">
        <v>2932</v>
      </c>
      <c r="D118" s="18" t="s">
        <v>1862</v>
      </c>
      <c r="E118" s="18" t="s">
        <v>2888</v>
      </c>
      <c r="F118" s="18" t="s">
        <v>2889</v>
      </c>
      <c r="G118" s="18" t="s">
        <v>3098</v>
      </c>
      <c r="H118" s="18" t="s">
        <v>4564</v>
      </c>
      <c r="I118" s="33" t="s">
        <v>2936</v>
      </c>
      <c r="J118" s="33" t="s">
        <v>2636</v>
      </c>
    </row>
    <row r="119" spans="1:10" ht="28.5" customHeight="1" x14ac:dyDescent="0.2">
      <c r="A119" s="50"/>
      <c r="B119" s="20"/>
      <c r="C119" s="34"/>
      <c r="D119" s="20"/>
      <c r="E119" s="20"/>
      <c r="F119" s="20"/>
      <c r="G119" s="21" t="s">
        <v>4500</v>
      </c>
      <c r="H119" s="20"/>
      <c r="I119" s="34"/>
      <c r="J119" s="34"/>
    </row>
    <row r="120" spans="1:10" ht="28.5" customHeight="1" x14ac:dyDescent="0.2">
      <c r="A120" s="50">
        <v>60</v>
      </c>
      <c r="B120" s="18" t="s">
        <v>3099</v>
      </c>
      <c r="C120" s="33" t="s">
        <v>2932</v>
      </c>
      <c r="D120" s="18" t="s">
        <v>3100</v>
      </c>
      <c r="E120" s="18" t="s">
        <v>3101</v>
      </c>
      <c r="F120" s="18" t="s">
        <v>3102</v>
      </c>
      <c r="G120" s="18" t="s">
        <v>3103</v>
      </c>
      <c r="H120" s="18" t="s">
        <v>4601</v>
      </c>
      <c r="I120" s="33" t="s">
        <v>2936</v>
      </c>
      <c r="J120" s="33" t="s">
        <v>2620</v>
      </c>
    </row>
    <row r="121" spans="1:10" ht="28.5" customHeight="1" x14ac:dyDescent="0.2">
      <c r="A121" s="50"/>
      <c r="B121" s="20"/>
      <c r="C121" s="34"/>
      <c r="D121" s="20"/>
      <c r="E121" s="20"/>
      <c r="F121" s="20"/>
      <c r="G121" s="21" t="s">
        <v>4569</v>
      </c>
      <c r="H121" s="20"/>
      <c r="I121" s="34"/>
      <c r="J121" s="34"/>
    </row>
    <row r="122" spans="1:10" ht="28.5" customHeight="1" x14ac:dyDescent="0.2">
      <c r="A122" s="50">
        <v>61</v>
      </c>
      <c r="B122" s="18" t="s">
        <v>3104</v>
      </c>
      <c r="C122" s="33" t="s">
        <v>2932</v>
      </c>
      <c r="D122" s="18" t="s">
        <v>3105</v>
      </c>
      <c r="E122" s="18" t="s">
        <v>3106</v>
      </c>
      <c r="F122" s="18" t="s">
        <v>3107</v>
      </c>
      <c r="G122" s="18" t="s">
        <v>3108</v>
      </c>
      <c r="H122" s="18" t="s">
        <v>4602</v>
      </c>
      <c r="I122" s="33" t="s">
        <v>2936</v>
      </c>
      <c r="J122" s="33" t="s">
        <v>2620</v>
      </c>
    </row>
    <row r="123" spans="1:10" ht="28.5" customHeight="1" x14ac:dyDescent="0.2">
      <c r="A123" s="50"/>
      <c r="B123" s="20"/>
      <c r="C123" s="34"/>
      <c r="D123" s="20"/>
      <c r="E123" s="20"/>
      <c r="F123" s="20"/>
      <c r="G123" s="21" t="s">
        <v>4603</v>
      </c>
      <c r="H123" s="20"/>
      <c r="I123" s="34"/>
      <c r="J123" s="34"/>
    </row>
    <row r="124" spans="1:10" ht="28.5" customHeight="1" x14ac:dyDescent="0.2">
      <c r="A124" s="50">
        <v>62</v>
      </c>
      <c r="B124" s="18" t="s">
        <v>3109</v>
      </c>
      <c r="C124" s="33" t="s">
        <v>2932</v>
      </c>
      <c r="D124" s="18" t="s">
        <v>1968</v>
      </c>
      <c r="E124" s="18" t="s">
        <v>2891</v>
      </c>
      <c r="F124" s="18" t="s">
        <v>1970</v>
      </c>
      <c r="G124" s="18" t="s">
        <v>3110</v>
      </c>
      <c r="H124" s="18" t="s">
        <v>4871</v>
      </c>
      <c r="I124" s="33" t="s">
        <v>2936</v>
      </c>
      <c r="J124" s="33" t="s">
        <v>2620</v>
      </c>
    </row>
    <row r="125" spans="1:10" ht="28.5" customHeight="1" x14ac:dyDescent="0.2">
      <c r="A125" s="50"/>
      <c r="B125" s="20"/>
      <c r="C125" s="34"/>
      <c r="D125" s="20"/>
      <c r="E125" s="20"/>
      <c r="F125" s="20"/>
      <c r="G125" s="21" t="s">
        <v>4306</v>
      </c>
      <c r="H125" s="20"/>
      <c r="I125" s="34"/>
      <c r="J125" s="34"/>
    </row>
    <row r="126" spans="1:10" ht="28.5" customHeight="1" x14ac:dyDescent="0.2">
      <c r="A126" s="50">
        <v>63</v>
      </c>
      <c r="B126" s="18" t="s">
        <v>3111</v>
      </c>
      <c r="C126" s="33" t="s">
        <v>2932</v>
      </c>
      <c r="D126" s="18" t="s">
        <v>2893</v>
      </c>
      <c r="E126" s="18" t="s">
        <v>2894</v>
      </c>
      <c r="F126" s="18" t="s">
        <v>2895</v>
      </c>
      <c r="G126" s="18" t="s">
        <v>2696</v>
      </c>
      <c r="H126" s="18" t="s">
        <v>4565</v>
      </c>
      <c r="I126" s="33" t="s">
        <v>2936</v>
      </c>
      <c r="J126" s="33" t="s">
        <v>2636</v>
      </c>
    </row>
    <row r="127" spans="1:10" ht="28.5" customHeight="1" x14ac:dyDescent="0.2">
      <c r="A127" s="50"/>
      <c r="B127" s="20"/>
      <c r="C127" s="34"/>
      <c r="D127" s="20"/>
      <c r="E127" s="20"/>
      <c r="F127" s="20"/>
      <c r="G127" s="21" t="s">
        <v>4308</v>
      </c>
      <c r="H127" s="20"/>
      <c r="I127" s="34"/>
      <c r="J127" s="34"/>
    </row>
    <row r="128" spans="1:10" ht="28.5" customHeight="1" x14ac:dyDescent="0.2">
      <c r="A128" s="50">
        <v>64</v>
      </c>
      <c r="B128" s="18" t="s">
        <v>3112</v>
      </c>
      <c r="C128" s="33" t="s">
        <v>2932</v>
      </c>
      <c r="D128" s="18" t="s">
        <v>2698</v>
      </c>
      <c r="E128" s="18" t="s">
        <v>2910</v>
      </c>
      <c r="F128" s="18" t="s">
        <v>3113</v>
      </c>
      <c r="G128" s="18" t="s">
        <v>3001</v>
      </c>
      <c r="H128" s="18" t="s">
        <v>4570</v>
      </c>
      <c r="I128" s="33" t="s">
        <v>2936</v>
      </c>
      <c r="J128" s="33" t="s">
        <v>2620</v>
      </c>
    </row>
    <row r="129" spans="1:10" ht="28.5" customHeight="1" x14ac:dyDescent="0.2">
      <c r="A129" s="50"/>
      <c r="B129" s="20"/>
      <c r="C129" s="34"/>
      <c r="D129" s="20"/>
      <c r="E129" s="20"/>
      <c r="F129" s="20"/>
      <c r="G129" s="21" t="s">
        <v>4504</v>
      </c>
      <c r="H129" s="20"/>
      <c r="I129" s="34"/>
      <c r="J129" s="34"/>
    </row>
    <row r="130" spans="1:10" ht="28.5" customHeight="1" x14ac:dyDescent="0.2">
      <c r="A130" s="50">
        <v>65</v>
      </c>
      <c r="B130" s="18" t="s">
        <v>3114</v>
      </c>
      <c r="C130" s="33" t="s">
        <v>2932</v>
      </c>
      <c r="D130" s="18" t="s">
        <v>2905</v>
      </c>
      <c r="E130" s="18" t="s">
        <v>2906</v>
      </c>
      <c r="F130" s="18" t="s">
        <v>2907</v>
      </c>
      <c r="G130" s="18" t="s">
        <v>3103</v>
      </c>
      <c r="H130" s="18" t="s">
        <v>4568</v>
      </c>
      <c r="I130" s="33" t="s">
        <v>2936</v>
      </c>
      <c r="J130" s="33" t="s">
        <v>2742</v>
      </c>
    </row>
    <row r="131" spans="1:10" ht="28.5" customHeight="1" x14ac:dyDescent="0.2">
      <c r="A131" s="50"/>
      <c r="B131" s="20"/>
      <c r="C131" s="34"/>
      <c r="D131" s="20"/>
      <c r="E131" s="20"/>
      <c r="F131" s="20"/>
      <c r="G131" s="21" t="s">
        <v>4569</v>
      </c>
      <c r="H131" s="20"/>
      <c r="I131" s="34"/>
      <c r="J131" s="34"/>
    </row>
    <row r="132" spans="1:10" ht="28.5" customHeight="1" x14ac:dyDescent="0.2">
      <c r="A132" s="50">
        <v>66</v>
      </c>
      <c r="B132" s="18" t="s">
        <v>3115</v>
      </c>
      <c r="C132" s="33" t="s">
        <v>2932</v>
      </c>
      <c r="D132" s="18" t="s">
        <v>2053</v>
      </c>
      <c r="E132" s="18" t="s">
        <v>3116</v>
      </c>
      <c r="F132" s="18" t="s">
        <v>3117</v>
      </c>
      <c r="G132" s="18" t="s">
        <v>3103</v>
      </c>
      <c r="H132" s="18" t="s">
        <v>4604</v>
      </c>
      <c r="I132" s="33" t="s">
        <v>3004</v>
      </c>
      <c r="J132" s="33" t="s">
        <v>2742</v>
      </c>
    </row>
    <row r="133" spans="1:10" ht="28.5" customHeight="1" x14ac:dyDescent="0.2">
      <c r="A133" s="50"/>
      <c r="B133" s="20"/>
      <c r="C133" s="34"/>
      <c r="D133" s="20"/>
      <c r="E133" s="20"/>
      <c r="F133" s="20"/>
      <c r="G133" s="21" t="s">
        <v>4569</v>
      </c>
      <c r="H133" s="20"/>
      <c r="I133" s="34"/>
      <c r="J133" s="34"/>
    </row>
    <row r="134" spans="1:10" ht="28.5" customHeight="1" x14ac:dyDescent="0.2">
      <c r="A134" s="50">
        <v>67</v>
      </c>
      <c r="B134" s="18" t="s">
        <v>3118</v>
      </c>
      <c r="C134" s="33" t="s">
        <v>2932</v>
      </c>
      <c r="D134" s="18" t="s">
        <v>2897</v>
      </c>
      <c r="E134" s="18" t="s">
        <v>2898</v>
      </c>
      <c r="F134" s="18" t="s">
        <v>2899</v>
      </c>
      <c r="G134" s="18" t="s">
        <v>2051</v>
      </c>
      <c r="H134" s="18" t="s">
        <v>4566</v>
      </c>
      <c r="I134" s="33" t="s">
        <v>2936</v>
      </c>
      <c r="J134" s="33" t="s">
        <v>2636</v>
      </c>
    </row>
    <row r="135" spans="1:10" ht="28.5" customHeight="1" x14ac:dyDescent="0.2">
      <c r="A135" s="50"/>
      <c r="B135" s="20"/>
      <c r="C135" s="34"/>
      <c r="D135" s="20"/>
      <c r="E135" s="20"/>
      <c r="F135" s="20"/>
      <c r="G135" s="21" t="s">
        <v>4335</v>
      </c>
      <c r="H135" s="20"/>
      <c r="I135" s="34"/>
      <c r="J135" s="34"/>
    </row>
    <row r="136" spans="1:10" ht="28.5" customHeight="1" x14ac:dyDescent="0.2">
      <c r="A136" s="50">
        <v>68</v>
      </c>
      <c r="B136" s="18" t="s">
        <v>3119</v>
      </c>
      <c r="C136" s="33" t="s">
        <v>2932</v>
      </c>
      <c r="D136" s="18" t="s">
        <v>1936</v>
      </c>
      <c r="E136" s="18" t="s">
        <v>2902</v>
      </c>
      <c r="F136" s="18" t="s">
        <v>2903</v>
      </c>
      <c r="G136" s="18" t="s">
        <v>2783</v>
      </c>
      <c r="H136" s="18" t="s">
        <v>4567</v>
      </c>
      <c r="I136" s="33" t="s">
        <v>2936</v>
      </c>
      <c r="J136" s="33" t="s">
        <v>2620</v>
      </c>
    </row>
    <row r="137" spans="1:10" ht="28.5" customHeight="1" x14ac:dyDescent="0.2">
      <c r="A137" s="50"/>
      <c r="B137" s="20"/>
      <c r="C137" s="34"/>
      <c r="D137" s="20"/>
      <c r="E137" s="20"/>
      <c r="F137" s="20"/>
      <c r="G137" s="21" t="s">
        <v>4490</v>
      </c>
      <c r="H137" s="20"/>
      <c r="I137" s="34"/>
      <c r="J137" s="34"/>
    </row>
    <row r="138" spans="1:10" ht="28.5" customHeight="1" x14ac:dyDescent="0.2">
      <c r="A138" s="50">
        <v>69</v>
      </c>
      <c r="B138" s="18" t="s">
        <v>3120</v>
      </c>
      <c r="C138" s="33" t="s">
        <v>2932</v>
      </c>
      <c r="D138" s="18" t="s">
        <v>2079</v>
      </c>
      <c r="E138" s="18" t="s">
        <v>3121</v>
      </c>
      <c r="F138" s="18" t="s">
        <v>3122</v>
      </c>
      <c r="G138" s="18" t="s">
        <v>3123</v>
      </c>
      <c r="H138" s="18" t="s">
        <v>4605</v>
      </c>
      <c r="I138" s="33" t="s">
        <v>3124</v>
      </c>
      <c r="J138" s="33" t="s">
        <v>2620</v>
      </c>
    </row>
    <row r="139" spans="1:10" ht="28.5" customHeight="1" x14ac:dyDescent="0.2">
      <c r="A139" s="50"/>
      <c r="B139" s="20"/>
      <c r="C139" s="34"/>
      <c r="D139" s="20"/>
      <c r="E139" s="20"/>
      <c r="F139" s="20"/>
      <c r="G139" s="21" t="s">
        <v>4606</v>
      </c>
      <c r="H139" s="20"/>
      <c r="I139" s="34"/>
      <c r="J139" s="34"/>
    </row>
    <row r="140" spans="1:10" ht="28.5" customHeight="1" x14ac:dyDescent="0.2">
      <c r="A140" s="50">
        <v>70</v>
      </c>
      <c r="B140" s="18" t="s">
        <v>3125</v>
      </c>
      <c r="C140" s="33" t="s">
        <v>2932</v>
      </c>
      <c r="D140" s="18" t="s">
        <v>2098</v>
      </c>
      <c r="E140" s="18" t="s">
        <v>2913</v>
      </c>
      <c r="F140" s="18" t="s">
        <v>3126</v>
      </c>
      <c r="G140" s="18" t="s">
        <v>3127</v>
      </c>
      <c r="H140" s="18" t="s">
        <v>4882</v>
      </c>
      <c r="I140" s="33" t="s">
        <v>3030</v>
      </c>
      <c r="J140" s="33" t="s">
        <v>2620</v>
      </c>
    </row>
    <row r="141" spans="1:10" ht="28.5" customHeight="1" x14ac:dyDescent="0.2">
      <c r="A141" s="50"/>
      <c r="B141" s="20"/>
      <c r="C141" s="34"/>
      <c r="D141" s="20"/>
      <c r="E141" s="20"/>
      <c r="F141" s="20"/>
      <c r="G141" s="21" t="s">
        <v>4572</v>
      </c>
      <c r="H141" s="20"/>
      <c r="I141" s="34"/>
      <c r="J141" s="34"/>
    </row>
    <row r="142" spans="1:10" ht="28.5" customHeight="1" x14ac:dyDescent="0.2">
      <c r="A142" s="50">
        <v>71</v>
      </c>
      <c r="B142" s="18" t="s">
        <v>3128</v>
      </c>
      <c r="C142" s="33" t="s">
        <v>2932</v>
      </c>
      <c r="D142" s="18" t="s">
        <v>2703</v>
      </c>
      <c r="E142" s="18" t="s">
        <v>2704</v>
      </c>
      <c r="F142" s="18" t="s">
        <v>3129</v>
      </c>
      <c r="G142" s="18" t="s">
        <v>3130</v>
      </c>
      <c r="H142" s="18" t="s">
        <v>4573</v>
      </c>
      <c r="I142" s="33" t="s">
        <v>2936</v>
      </c>
      <c r="J142" s="33" t="s">
        <v>2620</v>
      </c>
    </row>
    <row r="143" spans="1:10" ht="28.5" customHeight="1" x14ac:dyDescent="0.2">
      <c r="A143" s="50"/>
      <c r="B143" s="20"/>
      <c r="C143" s="34"/>
      <c r="D143" s="20"/>
      <c r="E143" s="20"/>
      <c r="F143" s="20"/>
      <c r="G143" s="21" t="s">
        <v>4506</v>
      </c>
      <c r="H143" s="20"/>
      <c r="I143" s="34"/>
      <c r="J143" s="34"/>
    </row>
    <row r="144" spans="1:10" ht="28.5" customHeight="1" x14ac:dyDescent="0.2">
      <c r="A144" s="50">
        <v>72</v>
      </c>
      <c r="B144" s="18" t="s">
        <v>3131</v>
      </c>
      <c r="C144" s="33" t="s">
        <v>2932</v>
      </c>
      <c r="D144" s="18" t="s">
        <v>2208</v>
      </c>
      <c r="E144" s="18" t="s">
        <v>2209</v>
      </c>
      <c r="F144" s="18" t="s">
        <v>2210</v>
      </c>
      <c r="G144" s="18" t="s">
        <v>3132</v>
      </c>
      <c r="H144" s="18" t="s">
        <v>4574</v>
      </c>
      <c r="I144" s="33" t="s">
        <v>3133</v>
      </c>
      <c r="J144" s="33" t="s">
        <v>2636</v>
      </c>
    </row>
    <row r="145" spans="1:10" ht="28.5" customHeight="1" x14ac:dyDescent="0.2">
      <c r="A145" s="50"/>
      <c r="B145" s="20"/>
      <c r="C145" s="34"/>
      <c r="D145" s="20"/>
      <c r="E145" s="20"/>
      <c r="F145" s="20"/>
      <c r="G145" s="21" t="s">
        <v>4315</v>
      </c>
      <c r="H145" s="20"/>
      <c r="I145" s="34"/>
      <c r="J145" s="34"/>
    </row>
    <row r="146" spans="1:10" ht="28.5" customHeight="1" x14ac:dyDescent="0.2">
      <c r="A146" s="50">
        <v>73</v>
      </c>
      <c r="B146" s="18" t="s">
        <v>3134</v>
      </c>
      <c r="C146" s="33" t="s">
        <v>2932</v>
      </c>
      <c r="D146" s="18" t="s">
        <v>2920</v>
      </c>
      <c r="E146" s="18" t="s">
        <v>2921</v>
      </c>
      <c r="F146" s="18" t="s">
        <v>2922</v>
      </c>
      <c r="G146" s="18" t="s">
        <v>3135</v>
      </c>
      <c r="H146" s="18" t="s">
        <v>4575</v>
      </c>
      <c r="I146" s="33" t="s">
        <v>2936</v>
      </c>
      <c r="J146" s="33" t="s">
        <v>2742</v>
      </c>
    </row>
    <row r="147" spans="1:10" ht="28.5" customHeight="1" x14ac:dyDescent="0.2">
      <c r="A147" s="50"/>
      <c r="B147" s="20"/>
      <c r="C147" s="34"/>
      <c r="D147" s="20"/>
      <c r="E147" s="20"/>
      <c r="F147" s="20"/>
      <c r="G147" s="21" t="s">
        <v>4576</v>
      </c>
      <c r="H147" s="20"/>
      <c r="I147" s="34"/>
      <c r="J147" s="34"/>
    </row>
    <row r="148" spans="1:10" ht="28.5" customHeight="1" x14ac:dyDescent="0.2">
      <c r="A148" s="50">
        <v>74</v>
      </c>
      <c r="B148" s="18" t="s">
        <v>3136</v>
      </c>
      <c r="C148" s="33" t="s">
        <v>2932</v>
      </c>
      <c r="D148" s="18" t="s">
        <v>2319</v>
      </c>
      <c r="E148" s="18" t="s">
        <v>2362</v>
      </c>
      <c r="F148" s="18" t="s">
        <v>3137</v>
      </c>
      <c r="G148" s="18" t="s">
        <v>3138</v>
      </c>
      <c r="H148" s="18" t="s">
        <v>4577</v>
      </c>
      <c r="I148" s="33" t="s">
        <v>2936</v>
      </c>
      <c r="J148" s="33" t="s">
        <v>2636</v>
      </c>
    </row>
    <row r="149" spans="1:10" ht="28.5" customHeight="1" x14ac:dyDescent="0.2">
      <c r="A149" s="50"/>
      <c r="B149" s="20"/>
      <c r="C149" s="34"/>
      <c r="D149" s="20"/>
      <c r="E149" s="20"/>
      <c r="F149" s="20"/>
      <c r="G149" s="21" t="s">
        <v>4417</v>
      </c>
      <c r="H149" s="20"/>
      <c r="I149" s="34"/>
      <c r="J149" s="34"/>
    </row>
    <row r="150" spans="1:10" ht="28.5" customHeight="1" x14ac:dyDescent="0.2">
      <c r="A150" s="50">
        <v>75</v>
      </c>
      <c r="B150" s="18" t="s">
        <v>3139</v>
      </c>
      <c r="C150" s="33" t="s">
        <v>2932</v>
      </c>
      <c r="D150" s="18" t="s">
        <v>3140</v>
      </c>
      <c r="E150" s="18" t="s">
        <v>3141</v>
      </c>
      <c r="F150" s="18" t="s">
        <v>3142</v>
      </c>
      <c r="G150" s="18" t="s">
        <v>3143</v>
      </c>
      <c r="H150" s="18" t="s">
        <v>4607</v>
      </c>
      <c r="I150" s="33" t="s">
        <v>2936</v>
      </c>
      <c r="J150" s="33" t="s">
        <v>2620</v>
      </c>
    </row>
    <row r="151" spans="1:10" ht="28.5" customHeight="1" x14ac:dyDescent="0.2">
      <c r="A151" s="50"/>
      <c r="B151" s="20"/>
      <c r="C151" s="34"/>
      <c r="D151" s="20"/>
      <c r="E151" s="20"/>
      <c r="F151" s="20"/>
      <c r="G151" s="21" t="s">
        <v>4048</v>
      </c>
      <c r="H151" s="20"/>
      <c r="I151" s="34"/>
      <c r="J151" s="34"/>
    </row>
    <row r="152" spans="1:10" ht="28.5" customHeight="1" x14ac:dyDescent="0.2">
      <c r="A152" s="50">
        <v>76</v>
      </c>
      <c r="B152" s="18" t="s">
        <v>3144</v>
      </c>
      <c r="C152" s="33" t="s">
        <v>2932</v>
      </c>
      <c r="D152" s="18" t="s">
        <v>3145</v>
      </c>
      <c r="E152" s="18" t="s">
        <v>3146</v>
      </c>
      <c r="F152" s="18" t="s">
        <v>3147</v>
      </c>
      <c r="G152" s="18" t="s">
        <v>3148</v>
      </c>
      <c r="H152" s="18" t="s">
        <v>4608</v>
      </c>
      <c r="I152" s="33" t="s">
        <v>2936</v>
      </c>
      <c r="J152" s="33" t="s">
        <v>2620</v>
      </c>
    </row>
    <row r="153" spans="1:10" ht="28.5" customHeight="1" x14ac:dyDescent="0.2">
      <c r="A153" s="50"/>
      <c r="B153" s="20"/>
      <c r="C153" s="34"/>
      <c r="D153" s="20"/>
      <c r="E153" s="20"/>
      <c r="F153" s="20"/>
      <c r="G153" s="21" t="s">
        <v>4609</v>
      </c>
      <c r="H153" s="20"/>
      <c r="I153" s="34"/>
      <c r="J153" s="34"/>
    </row>
    <row r="154" spans="1:10" ht="28.5" customHeight="1" x14ac:dyDescent="0.2">
      <c r="A154" s="50">
        <v>77</v>
      </c>
      <c r="B154" s="18" t="s">
        <v>3149</v>
      </c>
      <c r="C154" s="33" t="s">
        <v>2932</v>
      </c>
      <c r="D154" s="18" t="s">
        <v>3150</v>
      </c>
      <c r="E154" s="18" t="s">
        <v>3151</v>
      </c>
      <c r="F154" s="18" t="s">
        <v>3152</v>
      </c>
      <c r="G154" s="18" t="s">
        <v>3153</v>
      </c>
      <c r="H154" s="18" t="s">
        <v>4610</v>
      </c>
      <c r="I154" s="33" t="s">
        <v>2936</v>
      </c>
      <c r="J154" s="33" t="s">
        <v>2620</v>
      </c>
    </row>
    <row r="155" spans="1:10" ht="28.5" customHeight="1" x14ac:dyDescent="0.2">
      <c r="A155" s="50"/>
      <c r="B155" s="20"/>
      <c r="C155" s="34"/>
      <c r="D155" s="20"/>
      <c r="E155" s="20"/>
      <c r="F155" s="20"/>
      <c r="G155" s="21" t="s">
        <v>4611</v>
      </c>
      <c r="H155" s="20"/>
      <c r="I155" s="34"/>
      <c r="J155" s="34"/>
    </row>
    <row r="156" spans="1:10" ht="28.95" customHeight="1" x14ac:dyDescent="0.2">
      <c r="A156" s="50">
        <v>78</v>
      </c>
      <c r="B156" s="18" t="s">
        <v>3154</v>
      </c>
      <c r="C156" s="33" t="s">
        <v>2932</v>
      </c>
      <c r="D156" s="18" t="s">
        <v>2720</v>
      </c>
      <c r="E156" s="18" t="s">
        <v>2721</v>
      </c>
      <c r="F156" s="18" t="s">
        <v>2722</v>
      </c>
      <c r="G156" s="18" t="s">
        <v>3155</v>
      </c>
      <c r="H156" s="18" t="s">
        <v>4578</v>
      </c>
      <c r="I156" s="33" t="s">
        <v>2936</v>
      </c>
      <c r="J156" s="33" t="s">
        <v>2636</v>
      </c>
    </row>
    <row r="157" spans="1:10" ht="28.95" customHeight="1" x14ac:dyDescent="0.2">
      <c r="A157" s="50"/>
      <c r="B157" s="20"/>
      <c r="C157" s="34"/>
      <c r="D157" s="20"/>
      <c r="E157" s="20"/>
      <c r="F157" s="20"/>
      <c r="G157" s="21" t="s">
        <v>4861</v>
      </c>
      <c r="H157" s="20"/>
      <c r="I157" s="34"/>
      <c r="J157" s="34"/>
    </row>
    <row r="158" spans="1:10" ht="28.5" customHeight="1" x14ac:dyDescent="0.2">
      <c r="A158" s="50">
        <v>79</v>
      </c>
      <c r="B158" s="18" t="s">
        <v>3156</v>
      </c>
      <c r="C158" s="33" t="s">
        <v>3157</v>
      </c>
      <c r="D158" s="18" t="s">
        <v>455</v>
      </c>
      <c r="E158" s="18" t="s">
        <v>3158</v>
      </c>
      <c r="F158" s="18" t="s">
        <v>3159</v>
      </c>
      <c r="G158" s="18" t="s">
        <v>3026</v>
      </c>
      <c r="H158" s="18" t="s">
        <v>4612</v>
      </c>
      <c r="I158" s="33" t="s">
        <v>2936</v>
      </c>
      <c r="J158" s="33" t="s">
        <v>2636</v>
      </c>
    </row>
    <row r="159" spans="1:10" ht="28.5" customHeight="1" x14ac:dyDescent="0.2">
      <c r="A159" s="50"/>
      <c r="B159" s="20"/>
      <c r="C159" s="34"/>
      <c r="D159" s="20"/>
      <c r="E159" s="20"/>
      <c r="F159" s="20"/>
      <c r="G159" s="21" t="s">
        <v>3880</v>
      </c>
      <c r="H159" s="20"/>
      <c r="I159" s="34"/>
      <c r="J159" s="34"/>
    </row>
    <row r="160" spans="1:10" ht="28.5" customHeight="1" x14ac:dyDescent="0.2">
      <c r="A160" s="50">
        <v>80</v>
      </c>
      <c r="B160" s="18" t="s">
        <v>3160</v>
      </c>
      <c r="C160" s="33" t="s">
        <v>3157</v>
      </c>
      <c r="D160" s="18" t="s">
        <v>659</v>
      </c>
      <c r="E160" s="18" t="s">
        <v>3161</v>
      </c>
      <c r="F160" s="18" t="s">
        <v>3162</v>
      </c>
      <c r="G160" s="18" t="s">
        <v>3026</v>
      </c>
      <c r="H160" s="18" t="s">
        <v>3880</v>
      </c>
      <c r="I160" s="33" t="s">
        <v>2936</v>
      </c>
      <c r="J160" s="33" t="s">
        <v>2813</v>
      </c>
    </row>
    <row r="161" spans="1:10" ht="28.5" customHeight="1" x14ac:dyDescent="0.2">
      <c r="A161" s="50"/>
      <c r="B161" s="20"/>
      <c r="C161" s="34"/>
      <c r="D161" s="20"/>
      <c r="E161" s="20"/>
      <c r="F161" s="20"/>
      <c r="G161" s="21" t="s">
        <v>3880</v>
      </c>
      <c r="H161" s="20"/>
      <c r="I161" s="34"/>
      <c r="J161" s="34"/>
    </row>
    <row r="162" spans="1:10" ht="28.5" customHeight="1" x14ac:dyDescent="0.2">
      <c r="A162" s="50">
        <v>81</v>
      </c>
      <c r="B162" s="18" t="s">
        <v>3163</v>
      </c>
      <c r="C162" s="33" t="s">
        <v>3157</v>
      </c>
      <c r="D162" s="18" t="s">
        <v>2305</v>
      </c>
      <c r="E162" s="18" t="s">
        <v>3164</v>
      </c>
      <c r="F162" s="18" t="s">
        <v>3165</v>
      </c>
      <c r="G162" s="18" t="s">
        <v>3166</v>
      </c>
      <c r="H162" s="18" t="s">
        <v>3167</v>
      </c>
      <c r="I162" s="33" t="s">
        <v>3168</v>
      </c>
      <c r="J162" s="33" t="s">
        <v>2620</v>
      </c>
    </row>
    <row r="163" spans="1:10" ht="28.5" customHeight="1" x14ac:dyDescent="0.2">
      <c r="A163" s="50"/>
      <c r="B163" s="20"/>
      <c r="C163" s="34"/>
      <c r="D163" s="20"/>
      <c r="E163" s="20"/>
      <c r="F163" s="20"/>
      <c r="G163" s="20" t="s">
        <v>3169</v>
      </c>
      <c r="H163" s="20"/>
      <c r="I163" s="34"/>
      <c r="J163" s="34"/>
    </row>
    <row r="164" spans="1:10" ht="28.5" customHeight="1" x14ac:dyDescent="0.2">
      <c r="A164" s="50">
        <v>82</v>
      </c>
      <c r="B164" s="18" t="s">
        <v>3170</v>
      </c>
      <c r="C164" s="33" t="s">
        <v>3157</v>
      </c>
      <c r="D164" s="18" t="s">
        <v>3014</v>
      </c>
      <c r="E164" s="18" t="s">
        <v>3015</v>
      </c>
      <c r="F164" s="18" t="s">
        <v>3171</v>
      </c>
      <c r="G164" s="18" t="s">
        <v>2807</v>
      </c>
      <c r="H164" s="18" t="s">
        <v>4534</v>
      </c>
      <c r="I164" s="33" t="s">
        <v>2936</v>
      </c>
      <c r="J164" s="33" t="s">
        <v>2620</v>
      </c>
    </row>
    <row r="165" spans="1:10" ht="28.5" customHeight="1" x14ac:dyDescent="0.2">
      <c r="A165" s="50"/>
      <c r="B165" s="20"/>
      <c r="C165" s="34"/>
      <c r="D165" s="20"/>
      <c r="E165" s="20"/>
      <c r="F165" s="20"/>
      <c r="G165" s="20" t="s">
        <v>4589</v>
      </c>
      <c r="H165" s="20"/>
      <c r="I165" s="34"/>
      <c r="J165" s="34"/>
    </row>
    <row r="166" spans="1:10" ht="28.5" customHeight="1" x14ac:dyDescent="0.2">
      <c r="A166" s="50">
        <v>83</v>
      </c>
    </row>
    <row r="167" spans="1:10" ht="28.5" customHeight="1" x14ac:dyDescent="0.2">
      <c r="A167" s="50"/>
    </row>
    <row r="168" spans="1:10" ht="28.5" customHeight="1" x14ac:dyDescent="0.2">
      <c r="A168" s="50">
        <v>84</v>
      </c>
    </row>
    <row r="169" spans="1:10" ht="28.5" customHeight="1" x14ac:dyDescent="0.2">
      <c r="A169" s="50"/>
    </row>
  </sheetData>
  <mergeCells count="84">
    <mergeCell ref="A168:A169"/>
    <mergeCell ref="A146:A147"/>
    <mergeCell ref="A148:A149"/>
    <mergeCell ref="A150:A151"/>
    <mergeCell ref="A152:A153"/>
    <mergeCell ref="A154:A155"/>
    <mergeCell ref="A156:A157"/>
    <mergeCell ref="A158:A159"/>
    <mergeCell ref="A160:A161"/>
    <mergeCell ref="A162:A163"/>
    <mergeCell ref="A164:A165"/>
    <mergeCell ref="A166:A167"/>
    <mergeCell ref="A144:A145"/>
    <mergeCell ref="A122:A123"/>
    <mergeCell ref="A124:A125"/>
    <mergeCell ref="A126:A127"/>
    <mergeCell ref="A128:A129"/>
    <mergeCell ref="A130:A131"/>
    <mergeCell ref="A132:A133"/>
    <mergeCell ref="A134:A135"/>
    <mergeCell ref="A136:A137"/>
    <mergeCell ref="A138:A139"/>
    <mergeCell ref="A140:A141"/>
    <mergeCell ref="A142:A143"/>
    <mergeCell ref="A120:A121"/>
    <mergeCell ref="A98:A99"/>
    <mergeCell ref="A100:A101"/>
    <mergeCell ref="A102:A103"/>
    <mergeCell ref="A104:A105"/>
    <mergeCell ref="A106:A107"/>
    <mergeCell ref="A108:A109"/>
    <mergeCell ref="A110:A111"/>
    <mergeCell ref="A112:A113"/>
    <mergeCell ref="A114:A115"/>
    <mergeCell ref="A116:A117"/>
    <mergeCell ref="A118:A119"/>
    <mergeCell ref="A96:A97"/>
    <mergeCell ref="A74:A75"/>
    <mergeCell ref="A76:A77"/>
    <mergeCell ref="A78:A79"/>
    <mergeCell ref="A80:A81"/>
    <mergeCell ref="A82:A83"/>
    <mergeCell ref="A84:A85"/>
    <mergeCell ref="A86:A87"/>
    <mergeCell ref="A88:A89"/>
    <mergeCell ref="A90:A91"/>
    <mergeCell ref="A92:A93"/>
    <mergeCell ref="A94:A95"/>
    <mergeCell ref="A72:A73"/>
    <mergeCell ref="A50:A51"/>
    <mergeCell ref="A52:A53"/>
    <mergeCell ref="A54:A55"/>
    <mergeCell ref="A56:A57"/>
    <mergeCell ref="A58:A59"/>
    <mergeCell ref="A60:A61"/>
    <mergeCell ref="A62:A63"/>
    <mergeCell ref="A64:A65"/>
    <mergeCell ref="A66:A67"/>
    <mergeCell ref="A68:A69"/>
    <mergeCell ref="A70:A71"/>
    <mergeCell ref="A48:A49"/>
    <mergeCell ref="A26:A27"/>
    <mergeCell ref="A28:A29"/>
    <mergeCell ref="A30:A31"/>
    <mergeCell ref="A32:A33"/>
    <mergeCell ref="A34:A35"/>
    <mergeCell ref="A36:A37"/>
    <mergeCell ref="A38:A39"/>
    <mergeCell ref="A40:A41"/>
    <mergeCell ref="A42:A43"/>
    <mergeCell ref="A44:A45"/>
    <mergeCell ref="A46:A47"/>
    <mergeCell ref="A24:A25"/>
    <mergeCell ref="A2:A3"/>
    <mergeCell ref="A4:A5"/>
    <mergeCell ref="A6:A7"/>
    <mergeCell ref="A8:A9"/>
    <mergeCell ref="A10:A11"/>
    <mergeCell ref="A12:A13"/>
    <mergeCell ref="A14:A15"/>
    <mergeCell ref="A16:A17"/>
    <mergeCell ref="A18:A19"/>
    <mergeCell ref="A20:A21"/>
    <mergeCell ref="A22:A23"/>
  </mergeCells>
  <phoneticPr fontId="1"/>
  <printOptions horizontalCentered="1"/>
  <pageMargins left="0.6692913385826772" right="0.59055118110236227" top="0.59055118110236227" bottom="0.51181102362204722" header="0.31496062992125984" footer="0.31496062992125984"/>
  <pageSetup paperSize="9" scale="48" fitToHeight="0" orientation="portrait" r:id="rId1"/>
  <headerFooter alignWithMargins="0">
    <oddHeader>&amp;A</oddHeader>
    <oddFooter>&amp;P / &amp;N ページ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H5"/>
  <sheetViews>
    <sheetView view="pageBreakPreview" zoomScale="70" zoomScaleNormal="75" zoomScaleSheetLayoutView="70" workbookViewId="0">
      <selection activeCell="J8" sqref="J8"/>
    </sheetView>
  </sheetViews>
  <sheetFormatPr defaultColWidth="9" defaultRowHeight="33.75" customHeight="1" x14ac:dyDescent="0.2"/>
  <cols>
    <col min="1" max="1" width="23" style="9" customWidth="1"/>
    <col min="2" max="2" width="11.5" style="9" customWidth="1"/>
    <col min="3" max="3" width="27.69921875" style="9" customWidth="1"/>
    <col min="4" max="4" width="16.09765625" style="9" customWidth="1"/>
    <col min="5" max="6" width="17.09765625" style="9" customWidth="1"/>
    <col min="7" max="8" width="5.09765625" style="6" customWidth="1"/>
    <col min="9" max="16384" width="9" style="9"/>
  </cols>
  <sheetData>
    <row r="1" spans="1:8" s="6" customFormat="1" ht="33.75" customHeight="1" x14ac:dyDescent="0.2">
      <c r="A1" s="4" t="s">
        <v>2614</v>
      </c>
      <c r="B1" s="5" t="s">
        <v>1</v>
      </c>
      <c r="C1" s="5" t="s">
        <v>2</v>
      </c>
      <c r="D1" s="5" t="s">
        <v>3</v>
      </c>
      <c r="E1" s="4" t="s">
        <v>4</v>
      </c>
      <c r="F1" s="4" t="s">
        <v>2729</v>
      </c>
      <c r="G1" s="5" t="s">
        <v>2929</v>
      </c>
      <c r="H1" s="5" t="s">
        <v>2616</v>
      </c>
    </row>
    <row r="2" spans="1:8" ht="33.75" customHeight="1" x14ac:dyDescent="0.2">
      <c r="A2" s="7" t="s">
        <v>3172</v>
      </c>
      <c r="B2" s="7" t="s">
        <v>970</v>
      </c>
      <c r="C2" s="7" t="s">
        <v>971</v>
      </c>
      <c r="D2" s="7" t="s">
        <v>972</v>
      </c>
      <c r="E2" s="7" t="s">
        <v>973</v>
      </c>
      <c r="F2" s="2" t="s">
        <v>4613</v>
      </c>
      <c r="G2" s="8" t="s">
        <v>2936</v>
      </c>
      <c r="H2" s="8" t="s">
        <v>3173</v>
      </c>
    </row>
    <row r="3" spans="1:8" ht="33.75" customHeight="1" x14ac:dyDescent="0.2">
      <c r="A3" s="10"/>
      <c r="B3" s="10"/>
      <c r="C3" s="10"/>
      <c r="D3" s="10"/>
      <c r="E3" s="2" t="s">
        <v>4028</v>
      </c>
      <c r="F3" s="10"/>
      <c r="G3" s="11"/>
      <c r="H3" s="11"/>
    </row>
    <row r="4" spans="1:8" ht="33.75" customHeight="1" x14ac:dyDescent="0.2">
      <c r="A4" s="7" t="s">
        <v>3174</v>
      </c>
      <c r="B4" s="7" t="s">
        <v>3145</v>
      </c>
      <c r="C4" s="7" t="s">
        <v>3146</v>
      </c>
      <c r="D4" s="7" t="s">
        <v>3175</v>
      </c>
      <c r="E4" s="7" t="s">
        <v>3176</v>
      </c>
      <c r="F4" s="2" t="s">
        <v>4614</v>
      </c>
      <c r="G4" s="8" t="s">
        <v>2936</v>
      </c>
      <c r="H4" s="8" t="s">
        <v>2620</v>
      </c>
    </row>
    <row r="5" spans="1:8" ht="33.75" customHeight="1" x14ac:dyDescent="0.2">
      <c r="A5" s="10"/>
      <c r="B5" s="10"/>
      <c r="C5" s="10"/>
      <c r="D5" s="10"/>
      <c r="E5" s="10" t="s">
        <v>4609</v>
      </c>
      <c r="F5" s="10"/>
      <c r="G5" s="11"/>
      <c r="H5" s="11"/>
    </row>
  </sheetData>
  <phoneticPr fontId="1"/>
  <printOptions horizontalCentered="1"/>
  <pageMargins left="0.6692913385826772" right="0.59055118110236227" top="0.59055118110236227" bottom="0.51181102362204722" header="0.31496062992125984" footer="0.31496062992125984"/>
  <pageSetup paperSize="9" scale="68" fitToHeight="0" orientation="portrait" r:id="rId1"/>
  <headerFooter alignWithMargins="0">
    <oddHeader>&amp;A</oddHeader>
    <oddFooter>&amp;P / &amp;N ページ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A1:G5"/>
  <sheetViews>
    <sheetView view="pageBreakPreview" zoomScale="60" zoomScaleNormal="75" workbookViewId="0">
      <selection activeCell="P8" sqref="P8"/>
    </sheetView>
  </sheetViews>
  <sheetFormatPr defaultColWidth="9" defaultRowHeight="37.5" customHeight="1" x14ac:dyDescent="0.2"/>
  <cols>
    <col min="1" max="1" width="13.59765625" style="9" customWidth="1"/>
    <col min="2" max="2" width="11.5" style="9" customWidth="1"/>
    <col min="3" max="3" width="20.3984375" style="9" customWidth="1"/>
    <col min="4" max="4" width="13.5" style="9" customWidth="1"/>
    <col min="5" max="6" width="17" style="9" customWidth="1"/>
    <col min="7" max="7" width="14.8984375" style="9" customWidth="1"/>
    <col min="8" max="16384" width="9" style="9"/>
  </cols>
  <sheetData>
    <row r="1" spans="1:7" s="6" customFormat="1" ht="39.75" customHeight="1" x14ac:dyDescent="0.2">
      <c r="A1" s="5" t="s">
        <v>2614</v>
      </c>
      <c r="B1" s="5" t="s">
        <v>1</v>
      </c>
      <c r="C1" s="5" t="s">
        <v>2</v>
      </c>
      <c r="D1" s="5" t="s">
        <v>3</v>
      </c>
      <c r="E1" s="4" t="s">
        <v>4</v>
      </c>
      <c r="F1" s="4" t="s">
        <v>2729</v>
      </c>
      <c r="G1" s="5" t="s">
        <v>3177</v>
      </c>
    </row>
    <row r="2" spans="1:7" ht="39.75" customHeight="1" x14ac:dyDescent="0.2">
      <c r="A2" s="7" t="s">
        <v>3178</v>
      </c>
      <c r="B2" s="7" t="s">
        <v>3179</v>
      </c>
      <c r="C2" s="7" t="s">
        <v>3180</v>
      </c>
      <c r="D2" s="7" t="s">
        <v>3181</v>
      </c>
      <c r="E2" s="7" t="s">
        <v>3182</v>
      </c>
      <c r="F2" s="2" t="s">
        <v>4615</v>
      </c>
      <c r="G2" s="7" t="s">
        <v>3183</v>
      </c>
    </row>
    <row r="3" spans="1:7" ht="39.75" customHeight="1" x14ac:dyDescent="0.2">
      <c r="A3" s="10"/>
      <c r="B3" s="10"/>
      <c r="C3" s="10"/>
      <c r="D3" s="10"/>
      <c r="E3" s="2" t="s">
        <v>4616</v>
      </c>
      <c r="F3" s="10"/>
      <c r="G3" s="10"/>
    </row>
    <row r="4" spans="1:7" ht="39.75" customHeight="1" x14ac:dyDescent="0.2">
      <c r="A4" s="1" t="s">
        <v>3184</v>
      </c>
      <c r="B4" s="1" t="s">
        <v>203</v>
      </c>
      <c r="C4" s="1" t="s">
        <v>3185</v>
      </c>
      <c r="D4" s="1" t="s">
        <v>3186</v>
      </c>
      <c r="E4" s="1" t="s">
        <v>3187</v>
      </c>
      <c r="F4" s="2" t="s">
        <v>4617</v>
      </c>
      <c r="G4" s="1" t="s">
        <v>3188</v>
      </c>
    </row>
    <row r="5" spans="1:7" ht="37.5" customHeight="1" x14ac:dyDescent="0.2">
      <c r="A5" s="3"/>
      <c r="B5" s="3"/>
      <c r="C5" s="3"/>
      <c r="D5" s="3"/>
      <c r="E5" s="3" t="s">
        <v>4618</v>
      </c>
      <c r="F5" s="3"/>
      <c r="G5" s="3"/>
    </row>
  </sheetData>
  <phoneticPr fontId="1"/>
  <printOptions horizontalCentered="1"/>
  <pageMargins left="0.6692913385826772" right="0.59055118110236227" top="0.59055118110236227" bottom="0.51181102362204722" header="0.31496062992125984" footer="0.31496062992125984"/>
  <pageSetup paperSize="9" scale="76" fitToHeight="0" orientation="portrait" r:id="rId1"/>
  <headerFooter alignWithMargins="0">
    <oddHeader>&amp;A</oddHeader>
    <oddFooter>&amp;P / &amp;N ページ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A1:H207"/>
  <sheetViews>
    <sheetView view="pageBreakPreview" zoomScale="55" zoomScaleNormal="75" zoomScaleSheetLayoutView="55" workbookViewId="0">
      <pane xSplit="3" ySplit="1" topLeftCell="D2" activePane="bottomRight" state="frozen"/>
      <selection activeCell="P8" sqref="P8"/>
      <selection pane="topRight" activeCell="P8" sqref="P8"/>
      <selection pane="bottomLeft" activeCell="P8" sqref="P8"/>
      <selection pane="bottomRight" activeCell="O115" sqref="O115"/>
    </sheetView>
  </sheetViews>
  <sheetFormatPr defaultColWidth="9" defaultRowHeight="30.75" customHeight="1" x14ac:dyDescent="0.2"/>
  <cols>
    <col min="1" max="1" width="5.19921875" style="46" hidden="1" customWidth="1"/>
    <col min="2" max="2" width="34.19921875" style="42" customWidth="1"/>
    <col min="3" max="3" width="9.09765625" style="38" customWidth="1"/>
    <col min="4" max="4" width="11.5" style="42" customWidth="1"/>
    <col min="5" max="5" width="34.09765625" style="42" customWidth="1"/>
    <col min="6" max="6" width="13.5" style="42" customWidth="1"/>
    <col min="7" max="7" width="22.09765625" style="42" customWidth="1"/>
    <col min="8" max="8" width="22.59765625" style="42" customWidth="1"/>
    <col min="9" max="16384" width="9" style="42"/>
  </cols>
  <sheetData>
    <row r="1" spans="1:8" s="38" customFormat="1" ht="30.75" customHeight="1" x14ac:dyDescent="0.2">
      <c r="A1" s="36"/>
      <c r="B1" s="37" t="s">
        <v>2614</v>
      </c>
      <c r="C1" s="37" t="s">
        <v>3254</v>
      </c>
      <c r="D1" s="37" t="s">
        <v>1</v>
      </c>
      <c r="E1" s="37" t="s">
        <v>2</v>
      </c>
      <c r="F1" s="37" t="s">
        <v>3</v>
      </c>
      <c r="G1" s="37" t="s">
        <v>4</v>
      </c>
      <c r="H1" s="37" t="s">
        <v>2729</v>
      </c>
    </row>
    <row r="2" spans="1:8" ht="30.75" customHeight="1" x14ac:dyDescent="0.2">
      <c r="A2" s="52">
        <v>1</v>
      </c>
      <c r="B2" s="39" t="s">
        <v>3255</v>
      </c>
      <c r="C2" s="40" t="s">
        <v>3256</v>
      </c>
      <c r="D2" s="39" t="s">
        <v>3257</v>
      </c>
      <c r="E2" s="39" t="s">
        <v>3258</v>
      </c>
      <c r="F2" s="39" t="s">
        <v>3259</v>
      </c>
      <c r="G2" s="39" t="s">
        <v>3260</v>
      </c>
      <c r="H2" s="41" t="s">
        <v>4619</v>
      </c>
    </row>
    <row r="3" spans="1:8" ht="30.75" customHeight="1" x14ac:dyDescent="0.2">
      <c r="A3" s="52"/>
      <c r="B3" s="43"/>
      <c r="C3" s="44"/>
      <c r="D3" s="43"/>
      <c r="E3" s="43"/>
      <c r="F3" s="43"/>
      <c r="G3" s="41" t="s">
        <v>4620</v>
      </c>
      <c r="H3" s="43"/>
    </row>
    <row r="4" spans="1:8" ht="30.75" customHeight="1" x14ac:dyDescent="0.2">
      <c r="A4" s="52">
        <v>2</v>
      </c>
      <c r="B4" s="39" t="s">
        <v>3261</v>
      </c>
      <c r="C4" s="40" t="s">
        <v>3262</v>
      </c>
      <c r="D4" s="39" t="s">
        <v>3263</v>
      </c>
      <c r="E4" s="39" t="s">
        <v>3264</v>
      </c>
      <c r="F4" s="39" t="s">
        <v>3265</v>
      </c>
      <c r="G4" s="39" t="s">
        <v>3266</v>
      </c>
      <c r="H4" s="41" t="s">
        <v>4621</v>
      </c>
    </row>
    <row r="5" spans="1:8" ht="30.75" customHeight="1" x14ac:dyDescent="0.2">
      <c r="A5" s="52"/>
      <c r="B5" s="43"/>
      <c r="C5" s="44"/>
      <c r="D5" s="43"/>
      <c r="E5" s="43"/>
      <c r="F5" s="43"/>
      <c r="G5" s="41" t="s">
        <v>3267</v>
      </c>
      <c r="H5" s="43"/>
    </row>
    <row r="6" spans="1:8" ht="30.75" customHeight="1" x14ac:dyDescent="0.2">
      <c r="A6" s="52">
        <v>3</v>
      </c>
      <c r="B6" s="39" t="s">
        <v>3268</v>
      </c>
      <c r="C6" s="40" t="s">
        <v>3256</v>
      </c>
      <c r="D6" s="39" t="s">
        <v>2738</v>
      </c>
      <c r="E6" s="39" t="s">
        <v>2739</v>
      </c>
      <c r="F6" s="39" t="s">
        <v>3269</v>
      </c>
      <c r="G6" s="39" t="s">
        <v>3270</v>
      </c>
      <c r="H6" s="41" t="s">
        <v>4622</v>
      </c>
    </row>
    <row r="7" spans="1:8" ht="30.75" customHeight="1" x14ac:dyDescent="0.2">
      <c r="A7" s="52"/>
      <c r="B7" s="43"/>
      <c r="C7" s="44"/>
      <c r="D7" s="43"/>
      <c r="E7" s="43"/>
      <c r="F7" s="43"/>
      <c r="G7" s="41" t="s">
        <v>4516</v>
      </c>
      <c r="H7" s="43"/>
    </row>
    <row r="8" spans="1:8" ht="30.75" customHeight="1" x14ac:dyDescent="0.2">
      <c r="A8" s="52">
        <v>4</v>
      </c>
      <c r="B8" s="39" t="s">
        <v>3271</v>
      </c>
      <c r="C8" s="40" t="s">
        <v>3256</v>
      </c>
      <c r="D8" s="39" t="s">
        <v>3272</v>
      </c>
      <c r="E8" s="39" t="s">
        <v>3273</v>
      </c>
      <c r="F8" s="39" t="s">
        <v>3274</v>
      </c>
      <c r="G8" s="39" t="s">
        <v>3275</v>
      </c>
      <c r="H8" s="41" t="s">
        <v>3279</v>
      </c>
    </row>
    <row r="9" spans="1:8" ht="30.75" customHeight="1" x14ac:dyDescent="0.2">
      <c r="A9" s="52"/>
      <c r="B9" s="43"/>
      <c r="C9" s="44"/>
      <c r="D9" s="43"/>
      <c r="E9" s="43"/>
      <c r="F9" s="43"/>
      <c r="G9" s="41" t="s">
        <v>4623</v>
      </c>
      <c r="H9" s="43"/>
    </row>
    <row r="10" spans="1:8" ht="30.75" customHeight="1" x14ac:dyDescent="0.2">
      <c r="A10" s="52">
        <v>5</v>
      </c>
      <c r="B10" s="41" t="s">
        <v>3276</v>
      </c>
      <c r="C10" s="45" t="s">
        <v>3277</v>
      </c>
      <c r="D10" s="41" t="s">
        <v>3272</v>
      </c>
      <c r="E10" s="41" t="s">
        <v>3278</v>
      </c>
      <c r="F10" s="41" t="s">
        <v>3274</v>
      </c>
      <c r="G10" s="39" t="s">
        <v>3275</v>
      </c>
      <c r="H10" s="41" t="s">
        <v>3279</v>
      </c>
    </row>
    <row r="11" spans="1:8" ht="30.75" customHeight="1" x14ac:dyDescent="0.2">
      <c r="A11" s="52"/>
      <c r="B11" s="41"/>
      <c r="C11" s="45"/>
      <c r="D11" s="41"/>
      <c r="E11" s="41"/>
      <c r="F11" s="41"/>
      <c r="G11" s="41" t="s">
        <v>4623</v>
      </c>
      <c r="H11" s="43"/>
    </row>
    <row r="12" spans="1:8" ht="28.95" customHeight="1" x14ac:dyDescent="0.2">
      <c r="A12" s="52">
        <v>6</v>
      </c>
      <c r="B12" s="39" t="s">
        <v>3280</v>
      </c>
      <c r="C12" s="40" t="s">
        <v>3281</v>
      </c>
      <c r="D12" s="39" t="s">
        <v>3282</v>
      </c>
      <c r="E12" s="39" t="s">
        <v>3283</v>
      </c>
      <c r="F12" s="39" t="s">
        <v>3284</v>
      </c>
      <c r="G12" s="39" t="s">
        <v>3285</v>
      </c>
      <c r="H12" s="41" t="s">
        <v>4624</v>
      </c>
    </row>
    <row r="13" spans="1:8" ht="28.95" customHeight="1" x14ac:dyDescent="0.2">
      <c r="A13" s="52"/>
      <c r="B13" s="43"/>
      <c r="C13" s="44"/>
      <c r="D13" s="43"/>
      <c r="E13" s="43"/>
      <c r="F13" s="43"/>
      <c r="G13" s="41" t="s">
        <v>4625</v>
      </c>
      <c r="H13" s="43"/>
    </row>
    <row r="14" spans="1:8" ht="30.75" customHeight="1" x14ac:dyDescent="0.2">
      <c r="A14" s="52">
        <v>7</v>
      </c>
      <c r="B14" s="39" t="s">
        <v>3286</v>
      </c>
      <c r="C14" s="40" t="s">
        <v>3287</v>
      </c>
      <c r="D14" s="39" t="s">
        <v>3282</v>
      </c>
      <c r="E14" s="39" t="s">
        <v>3288</v>
      </c>
      <c r="F14" s="39" t="s">
        <v>3289</v>
      </c>
      <c r="G14" s="39" t="s">
        <v>3290</v>
      </c>
      <c r="H14" s="41" t="s">
        <v>4626</v>
      </c>
    </row>
    <row r="15" spans="1:8" ht="30.75" customHeight="1" x14ac:dyDescent="0.2">
      <c r="A15" s="52"/>
      <c r="B15" s="43"/>
      <c r="C15" s="44"/>
      <c r="D15" s="43"/>
      <c r="E15" s="43"/>
      <c r="F15" s="43"/>
      <c r="G15" s="41" t="s">
        <v>3834</v>
      </c>
      <c r="H15" s="43"/>
    </row>
    <row r="16" spans="1:8" ht="30.75" customHeight="1" x14ac:dyDescent="0.2">
      <c r="A16" s="52">
        <v>8</v>
      </c>
      <c r="B16" s="39" t="s">
        <v>3291</v>
      </c>
      <c r="C16" s="40" t="s">
        <v>3256</v>
      </c>
      <c r="D16" s="39" t="s">
        <v>3272</v>
      </c>
      <c r="E16" s="39" t="s">
        <v>3292</v>
      </c>
      <c r="F16" s="39" t="s">
        <v>3293</v>
      </c>
      <c r="G16" s="39" t="s">
        <v>3275</v>
      </c>
      <c r="H16" s="41" t="s">
        <v>3279</v>
      </c>
    </row>
    <row r="17" spans="1:8" ht="30.75" customHeight="1" x14ac:dyDescent="0.2">
      <c r="A17" s="52"/>
      <c r="B17" s="43"/>
      <c r="C17" s="44"/>
      <c r="D17" s="43"/>
      <c r="E17" s="43"/>
      <c r="F17" s="43"/>
      <c r="G17" s="41" t="s">
        <v>4623</v>
      </c>
      <c r="H17" s="43"/>
    </row>
    <row r="18" spans="1:8" ht="30.75" customHeight="1" x14ac:dyDescent="0.2">
      <c r="A18" s="52">
        <v>9</v>
      </c>
      <c r="B18" s="39" t="s">
        <v>3294</v>
      </c>
      <c r="C18" s="40" t="s">
        <v>3256</v>
      </c>
      <c r="D18" s="39" t="s">
        <v>3295</v>
      </c>
      <c r="E18" s="39" t="s">
        <v>3296</v>
      </c>
      <c r="F18" s="39" t="s">
        <v>3297</v>
      </c>
      <c r="G18" s="39" t="s">
        <v>3298</v>
      </c>
      <c r="H18" s="41" t="s">
        <v>4627</v>
      </c>
    </row>
    <row r="19" spans="1:8" ht="30.75" customHeight="1" x14ac:dyDescent="0.2">
      <c r="A19" s="52"/>
      <c r="B19" s="43"/>
      <c r="C19" s="44"/>
      <c r="D19" s="43"/>
      <c r="E19" s="43"/>
      <c r="F19" s="43"/>
      <c r="G19" s="41" t="s">
        <v>4628</v>
      </c>
      <c r="H19" s="43"/>
    </row>
    <row r="20" spans="1:8" ht="30.75" customHeight="1" x14ac:dyDescent="0.2">
      <c r="A20" s="52">
        <v>10</v>
      </c>
      <c r="B20" s="39" t="s">
        <v>3299</v>
      </c>
      <c r="C20" s="40" t="s">
        <v>3256</v>
      </c>
      <c r="D20" s="39" t="s">
        <v>81</v>
      </c>
      <c r="E20" s="39" t="s">
        <v>3300</v>
      </c>
      <c r="F20" s="39" t="s">
        <v>3301</v>
      </c>
      <c r="G20" s="39" t="s">
        <v>3275</v>
      </c>
      <c r="H20" s="41" t="s">
        <v>3279</v>
      </c>
    </row>
    <row r="21" spans="1:8" ht="30.75" customHeight="1" x14ac:dyDescent="0.2">
      <c r="A21" s="52"/>
      <c r="B21" s="43"/>
      <c r="C21" s="44"/>
      <c r="D21" s="43"/>
      <c r="E21" s="43"/>
      <c r="F21" s="43"/>
      <c r="G21" s="41" t="s">
        <v>4623</v>
      </c>
      <c r="H21" s="43"/>
    </row>
    <row r="22" spans="1:8" ht="30.75" customHeight="1" x14ac:dyDescent="0.2">
      <c r="A22" s="52">
        <v>11</v>
      </c>
      <c r="B22" s="39" t="s">
        <v>3302</v>
      </c>
      <c r="C22" s="40" t="s">
        <v>3256</v>
      </c>
      <c r="D22" s="39" t="s">
        <v>3303</v>
      </c>
      <c r="E22" s="39" t="s">
        <v>3304</v>
      </c>
      <c r="F22" s="39" t="s">
        <v>3305</v>
      </c>
      <c r="G22" s="39" t="s">
        <v>3310</v>
      </c>
      <c r="H22" s="41" t="s">
        <v>3306</v>
      </c>
    </row>
    <row r="23" spans="1:8" ht="30.75" customHeight="1" x14ac:dyDescent="0.2">
      <c r="A23" s="52"/>
      <c r="B23" s="43"/>
      <c r="C23" s="44"/>
      <c r="D23" s="43"/>
      <c r="E23" s="43"/>
      <c r="F23" s="43"/>
      <c r="G23" s="41" t="s">
        <v>3732</v>
      </c>
      <c r="H23" s="41"/>
    </row>
    <row r="24" spans="1:8" ht="30.75" customHeight="1" x14ac:dyDescent="0.2">
      <c r="A24" s="52">
        <v>12</v>
      </c>
      <c r="B24" s="41" t="s">
        <v>3307</v>
      </c>
      <c r="C24" s="45" t="s">
        <v>3277</v>
      </c>
      <c r="D24" s="41" t="s">
        <v>3303</v>
      </c>
      <c r="E24" s="41" t="s">
        <v>3308</v>
      </c>
      <c r="F24" s="41" t="s">
        <v>3309</v>
      </c>
      <c r="G24" s="39" t="s">
        <v>3310</v>
      </c>
      <c r="H24" s="39" t="s">
        <v>3311</v>
      </c>
    </row>
    <row r="25" spans="1:8" ht="30.75" customHeight="1" x14ac:dyDescent="0.2">
      <c r="A25" s="52"/>
      <c r="B25" s="41"/>
      <c r="C25" s="45"/>
      <c r="D25" s="41"/>
      <c r="E25" s="41"/>
      <c r="F25" s="41"/>
      <c r="G25" s="43" t="s">
        <v>3312</v>
      </c>
      <c r="H25" s="43"/>
    </row>
    <row r="26" spans="1:8" ht="30.75" customHeight="1" x14ac:dyDescent="0.2">
      <c r="A26" s="52">
        <v>13</v>
      </c>
      <c r="B26" s="39" t="s">
        <v>3313</v>
      </c>
      <c r="C26" s="40" t="s">
        <v>3256</v>
      </c>
      <c r="D26" s="39" t="s">
        <v>3303</v>
      </c>
      <c r="E26" s="39" t="s">
        <v>3314</v>
      </c>
      <c r="F26" s="39" t="s">
        <v>3315</v>
      </c>
      <c r="G26" s="41" t="s">
        <v>3316</v>
      </c>
      <c r="H26" s="41" t="s">
        <v>4828</v>
      </c>
    </row>
    <row r="27" spans="1:8" ht="30.75" customHeight="1" x14ac:dyDescent="0.2">
      <c r="A27" s="52"/>
      <c r="B27" s="43"/>
      <c r="C27" s="44"/>
      <c r="D27" s="43"/>
      <c r="E27" s="43"/>
      <c r="F27" s="43"/>
      <c r="G27" s="41" t="s">
        <v>3312</v>
      </c>
      <c r="H27" s="43"/>
    </row>
    <row r="28" spans="1:8" ht="30.75" customHeight="1" x14ac:dyDescent="0.2">
      <c r="A28" s="52">
        <v>14</v>
      </c>
      <c r="B28" s="39" t="s">
        <v>3317</v>
      </c>
      <c r="C28" s="40" t="s">
        <v>3256</v>
      </c>
      <c r="D28" s="39" t="s">
        <v>3295</v>
      </c>
      <c r="E28" s="39" t="s">
        <v>3318</v>
      </c>
      <c r="F28" s="39" t="s">
        <v>3319</v>
      </c>
      <c r="G28" s="39" t="s">
        <v>3320</v>
      </c>
      <c r="H28" s="41" t="s">
        <v>3321</v>
      </c>
    </row>
    <row r="29" spans="1:8" ht="30.75" customHeight="1" x14ac:dyDescent="0.2">
      <c r="A29" s="52"/>
      <c r="B29" s="43"/>
      <c r="C29" s="44"/>
      <c r="D29" s="43"/>
      <c r="E29" s="43"/>
      <c r="F29" s="43"/>
      <c r="G29" s="41" t="s">
        <v>3322</v>
      </c>
      <c r="H29" s="43"/>
    </row>
    <row r="30" spans="1:8" ht="30.75" customHeight="1" x14ac:dyDescent="0.2">
      <c r="A30" s="52">
        <v>15</v>
      </c>
      <c r="B30" s="41" t="s">
        <v>3323</v>
      </c>
      <c r="C30" s="45" t="s">
        <v>3277</v>
      </c>
      <c r="D30" s="41" t="s">
        <v>3295</v>
      </c>
      <c r="E30" s="41" t="s">
        <v>3324</v>
      </c>
      <c r="F30" s="41" t="s">
        <v>3325</v>
      </c>
      <c r="G30" s="39" t="s">
        <v>3320</v>
      </c>
      <c r="H30" s="41" t="s">
        <v>4827</v>
      </c>
    </row>
    <row r="31" spans="1:8" ht="30.75" customHeight="1" x14ac:dyDescent="0.2">
      <c r="A31" s="52"/>
      <c r="B31" s="41"/>
      <c r="C31" s="45"/>
      <c r="D31" s="41"/>
      <c r="E31" s="41"/>
      <c r="F31" s="41"/>
      <c r="G31" s="41" t="s">
        <v>3322</v>
      </c>
      <c r="H31" s="43"/>
    </row>
    <row r="32" spans="1:8" ht="30.75" customHeight="1" x14ac:dyDescent="0.2">
      <c r="A32" s="52">
        <v>16</v>
      </c>
      <c r="B32" s="39" t="s">
        <v>3326</v>
      </c>
      <c r="C32" s="40" t="s">
        <v>3256</v>
      </c>
      <c r="D32" s="39" t="s">
        <v>3327</v>
      </c>
      <c r="E32" s="39" t="s">
        <v>3328</v>
      </c>
      <c r="F32" s="39" t="s">
        <v>3329</v>
      </c>
      <c r="G32" s="39" t="s">
        <v>3330</v>
      </c>
      <c r="H32" s="41" t="s">
        <v>4629</v>
      </c>
    </row>
    <row r="33" spans="1:8" ht="30.75" customHeight="1" x14ac:dyDescent="0.2">
      <c r="A33" s="52"/>
      <c r="B33" s="43"/>
      <c r="C33" s="44"/>
      <c r="D33" s="43"/>
      <c r="E33" s="43"/>
      <c r="F33" s="43"/>
      <c r="G33" s="41" t="s">
        <v>4630</v>
      </c>
      <c r="H33" s="43"/>
    </row>
    <row r="34" spans="1:8" ht="30.75" customHeight="1" x14ac:dyDescent="0.2">
      <c r="A34" s="52">
        <v>17</v>
      </c>
      <c r="B34" s="39" t="s">
        <v>3331</v>
      </c>
      <c r="C34" s="40" t="s">
        <v>3256</v>
      </c>
      <c r="D34" s="39" t="s">
        <v>3332</v>
      </c>
      <c r="E34" s="39" t="s">
        <v>3333</v>
      </c>
      <c r="F34" s="39" t="s">
        <v>3334</v>
      </c>
      <c r="G34" s="39" t="s">
        <v>3335</v>
      </c>
      <c r="H34" s="41" t="s">
        <v>3336</v>
      </c>
    </row>
    <row r="35" spans="1:8" ht="30.75" customHeight="1" x14ac:dyDescent="0.2">
      <c r="A35" s="52"/>
      <c r="B35" s="43"/>
      <c r="C35" s="44"/>
      <c r="D35" s="43"/>
      <c r="E35" s="43"/>
      <c r="F35" s="43"/>
      <c r="G35" s="41" t="s">
        <v>3312</v>
      </c>
      <c r="H35" s="43"/>
    </row>
    <row r="36" spans="1:8" ht="30.75" customHeight="1" x14ac:dyDescent="0.2">
      <c r="A36" s="52">
        <v>18</v>
      </c>
      <c r="B36" s="39" t="s">
        <v>3337</v>
      </c>
      <c r="C36" s="40" t="s">
        <v>3256</v>
      </c>
      <c r="D36" s="39" t="s">
        <v>3303</v>
      </c>
      <c r="E36" s="39" t="s">
        <v>3338</v>
      </c>
      <c r="F36" s="39" t="s">
        <v>3339</v>
      </c>
      <c r="G36" s="39" t="s">
        <v>3335</v>
      </c>
      <c r="H36" s="41" t="s">
        <v>3340</v>
      </c>
    </row>
    <row r="37" spans="1:8" ht="30.75" customHeight="1" x14ac:dyDescent="0.2">
      <c r="A37" s="52"/>
      <c r="B37" s="43"/>
      <c r="C37" s="44"/>
      <c r="D37" s="43"/>
      <c r="E37" s="43"/>
      <c r="F37" s="43"/>
      <c r="G37" s="41" t="s">
        <v>3312</v>
      </c>
      <c r="H37" s="43"/>
    </row>
    <row r="38" spans="1:8" ht="30.75" customHeight="1" x14ac:dyDescent="0.2">
      <c r="A38" s="52">
        <v>19</v>
      </c>
      <c r="B38" s="39" t="s">
        <v>3341</v>
      </c>
      <c r="C38" s="40" t="s">
        <v>3262</v>
      </c>
      <c r="D38" s="39" t="s">
        <v>3342</v>
      </c>
      <c r="E38" s="39" t="s">
        <v>3343</v>
      </c>
      <c r="F38" s="39" t="s">
        <v>3344</v>
      </c>
      <c r="G38" s="39" t="s">
        <v>3345</v>
      </c>
      <c r="H38" s="41" t="s">
        <v>4631</v>
      </c>
    </row>
    <row r="39" spans="1:8" ht="30.75" customHeight="1" x14ac:dyDescent="0.2">
      <c r="A39" s="52"/>
      <c r="B39" s="43"/>
      <c r="C39" s="44"/>
      <c r="D39" s="43"/>
      <c r="E39" s="43"/>
      <c r="F39" s="43"/>
      <c r="G39" s="41" t="s">
        <v>4632</v>
      </c>
      <c r="H39" s="43"/>
    </row>
    <row r="40" spans="1:8" ht="30.75" customHeight="1" x14ac:dyDescent="0.2">
      <c r="A40" s="52">
        <v>20</v>
      </c>
      <c r="B40" s="39" t="s">
        <v>3346</v>
      </c>
      <c r="C40" s="40" t="s">
        <v>3256</v>
      </c>
      <c r="D40" s="39" t="s">
        <v>3282</v>
      </c>
      <c r="E40" s="39" t="s">
        <v>3347</v>
      </c>
      <c r="F40" s="39" t="s">
        <v>3348</v>
      </c>
      <c r="G40" s="39" t="s">
        <v>3349</v>
      </c>
      <c r="H40" s="41" t="s">
        <v>4633</v>
      </c>
    </row>
    <row r="41" spans="1:8" ht="30.75" customHeight="1" x14ac:dyDescent="0.2">
      <c r="A41" s="52"/>
      <c r="B41" s="43"/>
      <c r="C41" s="44"/>
      <c r="D41" s="43"/>
      <c r="E41" s="43"/>
      <c r="F41" s="43"/>
      <c r="G41" s="41" t="s">
        <v>3830</v>
      </c>
      <c r="H41" s="43"/>
    </row>
    <row r="42" spans="1:8" ht="30.75" customHeight="1" x14ac:dyDescent="0.2">
      <c r="A42" s="52">
        <v>21</v>
      </c>
      <c r="B42" s="39" t="s">
        <v>3350</v>
      </c>
      <c r="C42" s="40" t="s">
        <v>3281</v>
      </c>
      <c r="D42" s="39" t="s">
        <v>3351</v>
      </c>
      <c r="E42" s="39" t="s">
        <v>3352</v>
      </c>
      <c r="F42" s="39" t="s">
        <v>3353</v>
      </c>
      <c r="G42" s="39" t="s">
        <v>3354</v>
      </c>
      <c r="H42" s="41" t="s">
        <v>4634</v>
      </c>
    </row>
    <row r="43" spans="1:8" ht="30.75" customHeight="1" x14ac:dyDescent="0.2">
      <c r="A43" s="52"/>
      <c r="B43" s="43"/>
      <c r="C43" s="44"/>
      <c r="D43" s="43"/>
      <c r="E43" s="43"/>
      <c r="F43" s="43"/>
      <c r="G43" s="41" t="s">
        <v>4635</v>
      </c>
      <c r="H43" s="43"/>
    </row>
    <row r="44" spans="1:8" ht="30.75" customHeight="1" x14ac:dyDescent="0.2">
      <c r="A44" s="52">
        <v>22</v>
      </c>
      <c r="B44" s="39" t="s">
        <v>3355</v>
      </c>
      <c r="C44" s="40" t="s">
        <v>3256</v>
      </c>
      <c r="D44" s="39" t="s">
        <v>3351</v>
      </c>
      <c r="E44" s="39" t="s">
        <v>3356</v>
      </c>
      <c r="F44" s="39" t="s">
        <v>3357</v>
      </c>
      <c r="G44" s="39" t="s">
        <v>3358</v>
      </c>
      <c r="H44" s="41" t="s">
        <v>4636</v>
      </c>
    </row>
    <row r="45" spans="1:8" ht="30.75" customHeight="1" x14ac:dyDescent="0.2">
      <c r="A45" s="52"/>
      <c r="B45" s="43"/>
      <c r="C45" s="44"/>
      <c r="D45" s="43"/>
      <c r="E45" s="43"/>
      <c r="F45" s="43"/>
      <c r="G45" s="41" t="s">
        <v>4637</v>
      </c>
      <c r="H45" s="43"/>
    </row>
    <row r="46" spans="1:8" ht="30.75" customHeight="1" x14ac:dyDescent="0.2">
      <c r="A46" s="52">
        <v>23</v>
      </c>
      <c r="B46" s="39" t="s">
        <v>3359</v>
      </c>
      <c r="C46" s="40" t="s">
        <v>3287</v>
      </c>
      <c r="D46" s="39" t="s">
        <v>139</v>
      </c>
      <c r="E46" s="39" t="s">
        <v>3360</v>
      </c>
      <c r="F46" s="39" t="s">
        <v>3361</v>
      </c>
      <c r="G46" s="39" t="s">
        <v>3362</v>
      </c>
      <c r="H46" s="41" t="s">
        <v>3782</v>
      </c>
    </row>
    <row r="47" spans="1:8" ht="30.75" customHeight="1" x14ac:dyDescent="0.2">
      <c r="A47" s="52"/>
      <c r="B47" s="43"/>
      <c r="C47" s="44"/>
      <c r="D47" s="43"/>
      <c r="E47" s="43"/>
      <c r="F47" s="43"/>
      <c r="G47" s="41" t="s">
        <v>3782</v>
      </c>
      <c r="H47" s="43"/>
    </row>
    <row r="48" spans="1:8" ht="30.75" customHeight="1" x14ac:dyDescent="0.2">
      <c r="A48" s="52">
        <v>24</v>
      </c>
      <c r="B48" s="39" t="s">
        <v>3363</v>
      </c>
      <c r="C48" s="40" t="s">
        <v>3256</v>
      </c>
      <c r="D48" s="39" t="s">
        <v>3364</v>
      </c>
      <c r="E48" s="39" t="s">
        <v>3365</v>
      </c>
      <c r="F48" s="39" t="s">
        <v>3366</v>
      </c>
      <c r="G48" s="39" t="s">
        <v>3367</v>
      </c>
      <c r="H48" s="41" t="s">
        <v>4638</v>
      </c>
    </row>
    <row r="49" spans="1:8" ht="30.75" customHeight="1" x14ac:dyDescent="0.2">
      <c r="A49" s="52"/>
      <c r="B49" s="43"/>
      <c r="C49" s="44"/>
      <c r="D49" s="43"/>
      <c r="E49" s="43"/>
      <c r="F49" s="43"/>
      <c r="G49" s="41" t="s">
        <v>4639</v>
      </c>
      <c r="H49" s="43"/>
    </row>
    <row r="50" spans="1:8" ht="30.75" customHeight="1" x14ac:dyDescent="0.2">
      <c r="A50" s="52">
        <v>25</v>
      </c>
      <c r="B50" s="39" t="s">
        <v>3368</v>
      </c>
      <c r="C50" s="40" t="s">
        <v>3256</v>
      </c>
      <c r="D50" s="39" t="s">
        <v>3369</v>
      </c>
      <c r="E50" s="39" t="s">
        <v>3370</v>
      </c>
      <c r="F50" s="39" t="s">
        <v>3371</v>
      </c>
      <c r="G50" s="39" t="s">
        <v>3372</v>
      </c>
      <c r="H50" s="41" t="s">
        <v>4640</v>
      </c>
    </row>
    <row r="51" spans="1:8" ht="30.75" customHeight="1" x14ac:dyDescent="0.2">
      <c r="A51" s="52"/>
      <c r="B51" s="43"/>
      <c r="C51" s="44"/>
      <c r="D51" s="43"/>
      <c r="E51" s="43"/>
      <c r="F51" s="43"/>
      <c r="G51" s="43" t="s">
        <v>4640</v>
      </c>
      <c r="H51" s="43"/>
    </row>
    <row r="52" spans="1:8" ht="30.75" customHeight="1" x14ac:dyDescent="0.2">
      <c r="A52" s="52">
        <v>26</v>
      </c>
      <c r="B52" s="39" t="s">
        <v>3373</v>
      </c>
      <c r="C52" s="40" t="s">
        <v>3256</v>
      </c>
      <c r="D52" s="39" t="s">
        <v>3374</v>
      </c>
      <c r="E52" s="39" t="s">
        <v>3375</v>
      </c>
      <c r="F52" s="39" t="s">
        <v>3376</v>
      </c>
      <c r="G52" s="39" t="s">
        <v>3377</v>
      </c>
      <c r="H52" s="41" t="s">
        <v>4641</v>
      </c>
    </row>
    <row r="53" spans="1:8" ht="30.75" customHeight="1" x14ac:dyDescent="0.2">
      <c r="A53" s="52"/>
      <c r="B53" s="43"/>
      <c r="C53" s="44"/>
      <c r="D53" s="43"/>
      <c r="E53" s="43"/>
      <c r="F53" s="43"/>
      <c r="G53" s="41" t="s">
        <v>4642</v>
      </c>
      <c r="H53" s="43"/>
    </row>
    <row r="54" spans="1:8" ht="30.75" customHeight="1" x14ac:dyDescent="0.2">
      <c r="A54" s="52">
        <v>27</v>
      </c>
      <c r="B54" s="39" t="s">
        <v>3378</v>
      </c>
      <c r="C54" s="40" t="s">
        <v>3256</v>
      </c>
      <c r="D54" s="39" t="s">
        <v>3379</v>
      </c>
      <c r="E54" s="39" t="s">
        <v>3380</v>
      </c>
      <c r="F54" s="39" t="s">
        <v>3381</v>
      </c>
      <c r="G54" s="39" t="s">
        <v>3349</v>
      </c>
      <c r="H54" s="41" t="s">
        <v>4643</v>
      </c>
    </row>
    <row r="55" spans="1:8" ht="30.75" customHeight="1" x14ac:dyDescent="0.2">
      <c r="A55" s="52"/>
      <c r="B55" s="43"/>
      <c r="C55" s="44"/>
      <c r="D55" s="43"/>
      <c r="E55" s="43"/>
      <c r="F55" s="43"/>
      <c r="G55" s="41" t="s">
        <v>3830</v>
      </c>
      <c r="H55" s="43"/>
    </row>
    <row r="56" spans="1:8" ht="30.75" customHeight="1" x14ac:dyDescent="0.2">
      <c r="A56" s="52">
        <v>28</v>
      </c>
      <c r="B56" s="39" t="s">
        <v>3382</v>
      </c>
      <c r="C56" s="40" t="s">
        <v>3256</v>
      </c>
      <c r="D56" s="39" t="s">
        <v>3383</v>
      </c>
      <c r="E56" s="39" t="s">
        <v>3384</v>
      </c>
      <c r="F56" s="39" t="s">
        <v>3385</v>
      </c>
      <c r="G56" s="39" t="s">
        <v>3386</v>
      </c>
      <c r="H56" s="41" t="s">
        <v>4644</v>
      </c>
    </row>
    <row r="57" spans="1:8" ht="30.75" customHeight="1" x14ac:dyDescent="0.2">
      <c r="A57" s="52"/>
      <c r="B57" s="43"/>
      <c r="C57" s="44"/>
      <c r="D57" s="43"/>
      <c r="E57" s="43"/>
      <c r="F57" s="43"/>
      <c r="G57" s="41" t="s">
        <v>4645</v>
      </c>
      <c r="H57" s="43"/>
    </row>
    <row r="58" spans="1:8" ht="30.75" customHeight="1" x14ac:dyDescent="0.2">
      <c r="A58" s="52">
        <v>29</v>
      </c>
      <c r="B58" s="39" t="s">
        <v>3387</v>
      </c>
      <c r="C58" s="40" t="s">
        <v>3262</v>
      </c>
      <c r="D58" s="39" t="s">
        <v>3388</v>
      </c>
      <c r="E58" s="39" t="s">
        <v>3389</v>
      </c>
      <c r="F58" s="39" t="s">
        <v>3390</v>
      </c>
      <c r="G58" s="39" t="s">
        <v>3391</v>
      </c>
      <c r="H58" s="41" t="s">
        <v>4646</v>
      </c>
    </row>
    <row r="59" spans="1:8" ht="30.75" customHeight="1" x14ac:dyDescent="0.2">
      <c r="A59" s="52"/>
      <c r="B59" s="43"/>
      <c r="C59" s="44"/>
      <c r="D59" s="43"/>
      <c r="E59" s="43"/>
      <c r="F59" s="43"/>
      <c r="G59" s="41" t="s">
        <v>4647</v>
      </c>
      <c r="H59" s="43"/>
    </row>
    <row r="60" spans="1:8" ht="30.75" customHeight="1" x14ac:dyDescent="0.2">
      <c r="A60" s="52">
        <v>30</v>
      </c>
      <c r="B60" s="39" t="s">
        <v>3392</v>
      </c>
      <c r="C60" s="40" t="s">
        <v>3256</v>
      </c>
      <c r="D60" s="39" t="s">
        <v>3393</v>
      </c>
      <c r="E60" s="39" t="s">
        <v>3394</v>
      </c>
      <c r="F60" s="39" t="s">
        <v>3395</v>
      </c>
      <c r="G60" s="39" t="s">
        <v>3396</v>
      </c>
      <c r="H60" s="41" t="s">
        <v>4648</v>
      </c>
    </row>
    <row r="61" spans="1:8" ht="30.75" customHeight="1" x14ac:dyDescent="0.2">
      <c r="A61" s="52"/>
      <c r="B61" s="43"/>
      <c r="C61" s="44"/>
      <c r="D61" s="43"/>
      <c r="E61" s="43"/>
      <c r="F61" s="43"/>
      <c r="G61" s="41" t="s">
        <v>4649</v>
      </c>
      <c r="H61" s="43"/>
    </row>
    <row r="62" spans="1:8" ht="30.75" customHeight="1" x14ac:dyDescent="0.2">
      <c r="A62" s="52">
        <v>31</v>
      </c>
      <c r="B62" s="39" t="s">
        <v>3397</v>
      </c>
      <c r="C62" s="40" t="s">
        <v>3256</v>
      </c>
      <c r="D62" s="39" t="s">
        <v>3374</v>
      </c>
      <c r="E62" s="39" t="s">
        <v>3398</v>
      </c>
      <c r="F62" s="39" t="s">
        <v>3399</v>
      </c>
      <c r="G62" s="39" t="s">
        <v>3377</v>
      </c>
      <c r="H62" s="41" t="s">
        <v>4650</v>
      </c>
    </row>
    <row r="63" spans="1:8" ht="30.75" customHeight="1" x14ac:dyDescent="0.2">
      <c r="A63" s="52"/>
      <c r="B63" s="43"/>
      <c r="C63" s="44"/>
      <c r="D63" s="43"/>
      <c r="E63" s="43"/>
      <c r="F63" s="43"/>
      <c r="G63" s="41" t="s">
        <v>4642</v>
      </c>
      <c r="H63" s="43"/>
    </row>
    <row r="64" spans="1:8" ht="30.75" customHeight="1" x14ac:dyDescent="0.2">
      <c r="A64" s="52">
        <v>32</v>
      </c>
      <c r="B64" s="39" t="s">
        <v>3400</v>
      </c>
      <c r="C64" s="40" t="s">
        <v>3401</v>
      </c>
      <c r="D64" s="39" t="s">
        <v>3374</v>
      </c>
      <c r="E64" s="39" t="s">
        <v>3402</v>
      </c>
      <c r="F64" s="39" t="s">
        <v>3403</v>
      </c>
      <c r="G64" s="39" t="s">
        <v>3377</v>
      </c>
      <c r="H64" s="41" t="s">
        <v>3404</v>
      </c>
    </row>
    <row r="65" spans="1:8" ht="30.75" customHeight="1" x14ac:dyDescent="0.2">
      <c r="A65" s="52"/>
      <c r="B65" s="43"/>
      <c r="C65" s="44"/>
      <c r="D65" s="43"/>
      <c r="E65" s="43"/>
      <c r="F65" s="43"/>
      <c r="G65" s="41" t="s">
        <v>4642</v>
      </c>
      <c r="H65" s="43"/>
    </row>
    <row r="66" spans="1:8" ht="30.75" customHeight="1" x14ac:dyDescent="0.2">
      <c r="A66" s="52">
        <v>33</v>
      </c>
      <c r="B66" s="39" t="s">
        <v>3405</v>
      </c>
      <c r="C66" s="40" t="s">
        <v>3262</v>
      </c>
      <c r="D66" s="39" t="s">
        <v>3406</v>
      </c>
      <c r="E66" s="39" t="s">
        <v>3407</v>
      </c>
      <c r="F66" s="39" t="s">
        <v>3408</v>
      </c>
      <c r="G66" s="39" t="s">
        <v>3409</v>
      </c>
      <c r="H66" s="41" t="s">
        <v>4651</v>
      </c>
    </row>
    <row r="67" spans="1:8" ht="30.75" customHeight="1" x14ac:dyDescent="0.2">
      <c r="A67" s="52"/>
      <c r="B67" s="43"/>
      <c r="C67" s="44"/>
      <c r="D67" s="43"/>
      <c r="E67" s="43"/>
      <c r="F67" s="43"/>
      <c r="G67" s="41" t="s">
        <v>4652</v>
      </c>
      <c r="H67" s="41"/>
    </row>
    <row r="68" spans="1:8" ht="30.75" customHeight="1" x14ac:dyDescent="0.2">
      <c r="A68" s="52">
        <v>34</v>
      </c>
      <c r="B68" s="41" t="s">
        <v>3410</v>
      </c>
      <c r="C68" s="45" t="s">
        <v>3277</v>
      </c>
      <c r="D68" s="41" t="s">
        <v>3411</v>
      </c>
      <c r="E68" s="41" t="s">
        <v>3412</v>
      </c>
      <c r="F68" s="41" t="s">
        <v>3413</v>
      </c>
      <c r="G68" s="39" t="s">
        <v>3414</v>
      </c>
      <c r="H68" s="39" t="s">
        <v>3415</v>
      </c>
    </row>
    <row r="69" spans="1:8" ht="30.75" customHeight="1" x14ac:dyDescent="0.2">
      <c r="A69" s="52"/>
      <c r="B69" s="41"/>
      <c r="C69" s="45"/>
      <c r="D69" s="41"/>
      <c r="E69" s="41"/>
      <c r="F69" s="41"/>
      <c r="G69" s="41" t="s">
        <v>3416</v>
      </c>
      <c r="H69" s="43"/>
    </row>
    <row r="70" spans="1:8" ht="30.75" customHeight="1" x14ac:dyDescent="0.2">
      <c r="A70" s="52">
        <v>35</v>
      </c>
      <c r="B70" s="39" t="s">
        <v>4825</v>
      </c>
      <c r="C70" s="40" t="s">
        <v>3256</v>
      </c>
      <c r="D70" s="39" t="s">
        <v>4829</v>
      </c>
      <c r="E70" s="39" t="s">
        <v>3417</v>
      </c>
      <c r="F70" s="39" t="s">
        <v>3418</v>
      </c>
      <c r="G70" s="39" t="s">
        <v>3335</v>
      </c>
      <c r="H70" s="41" t="s">
        <v>3306</v>
      </c>
    </row>
    <row r="71" spans="1:8" ht="30.75" customHeight="1" x14ac:dyDescent="0.2">
      <c r="A71" s="52"/>
      <c r="B71" s="43"/>
      <c r="C71" s="44"/>
      <c r="D71" s="43"/>
      <c r="E71" s="43"/>
      <c r="F71" s="43"/>
      <c r="G71" s="41" t="s">
        <v>3312</v>
      </c>
      <c r="H71" s="43"/>
    </row>
    <row r="72" spans="1:8" ht="30.75" customHeight="1" x14ac:dyDescent="0.2">
      <c r="A72" s="52">
        <v>36</v>
      </c>
      <c r="B72" s="39" t="s">
        <v>3419</v>
      </c>
      <c r="C72" s="40" t="s">
        <v>3256</v>
      </c>
      <c r="D72" s="39" t="s">
        <v>3420</v>
      </c>
      <c r="E72" s="39" t="s">
        <v>3421</v>
      </c>
      <c r="F72" s="39" t="s">
        <v>3422</v>
      </c>
      <c r="G72" s="39" t="s">
        <v>3423</v>
      </c>
      <c r="H72" s="41" t="s">
        <v>4653</v>
      </c>
    </row>
    <row r="73" spans="1:8" ht="30.75" customHeight="1" x14ac:dyDescent="0.2">
      <c r="A73" s="52"/>
      <c r="B73" s="43"/>
      <c r="C73" s="44"/>
      <c r="D73" s="43"/>
      <c r="E73" s="43"/>
      <c r="F73" s="43"/>
      <c r="G73" s="41" t="s">
        <v>3793</v>
      </c>
      <c r="H73" s="43"/>
    </row>
    <row r="74" spans="1:8" ht="30.75" customHeight="1" x14ac:dyDescent="0.2">
      <c r="A74" s="52">
        <v>37</v>
      </c>
      <c r="B74" s="39" t="s">
        <v>3424</v>
      </c>
      <c r="C74" s="40" t="s">
        <v>3256</v>
      </c>
      <c r="D74" s="39" t="s">
        <v>236</v>
      </c>
      <c r="E74" s="39" t="s">
        <v>3425</v>
      </c>
      <c r="F74" s="39" t="s">
        <v>3426</v>
      </c>
      <c r="G74" s="39" t="s">
        <v>3427</v>
      </c>
      <c r="H74" s="41" t="s">
        <v>4654</v>
      </c>
    </row>
    <row r="75" spans="1:8" ht="30.75" customHeight="1" x14ac:dyDescent="0.2">
      <c r="A75" s="52"/>
      <c r="B75" s="43"/>
      <c r="C75" s="44"/>
      <c r="D75" s="43"/>
      <c r="E75" s="43"/>
      <c r="F75" s="43"/>
      <c r="G75" s="41" t="s">
        <v>4654</v>
      </c>
      <c r="H75" s="43"/>
    </row>
    <row r="76" spans="1:8" ht="30.75" customHeight="1" x14ac:dyDescent="0.2">
      <c r="A76" s="52">
        <v>38</v>
      </c>
      <c r="B76" s="39" t="s">
        <v>3428</v>
      </c>
      <c r="C76" s="40" t="s">
        <v>3256</v>
      </c>
      <c r="D76" s="39" t="s">
        <v>3429</v>
      </c>
      <c r="E76" s="39" t="s">
        <v>3430</v>
      </c>
      <c r="F76" s="39" t="s">
        <v>3431</v>
      </c>
      <c r="G76" s="39" t="s">
        <v>3432</v>
      </c>
      <c r="H76" s="41" t="s">
        <v>4655</v>
      </c>
    </row>
    <row r="77" spans="1:8" ht="30.75" customHeight="1" x14ac:dyDescent="0.2">
      <c r="A77" s="52"/>
      <c r="B77" s="43"/>
      <c r="C77" s="44"/>
      <c r="D77" s="43"/>
      <c r="E77" s="43"/>
      <c r="F77" s="43"/>
      <c r="G77" s="41" t="s">
        <v>3861</v>
      </c>
      <c r="H77" s="43"/>
    </row>
    <row r="78" spans="1:8" ht="30.75" customHeight="1" x14ac:dyDescent="0.2">
      <c r="A78" s="52">
        <v>39</v>
      </c>
      <c r="B78" s="39" t="s">
        <v>3433</v>
      </c>
      <c r="C78" s="40" t="s">
        <v>3256</v>
      </c>
      <c r="D78" s="39" t="s">
        <v>3434</v>
      </c>
      <c r="E78" s="39" t="s">
        <v>3435</v>
      </c>
      <c r="F78" s="39" t="s">
        <v>3436</v>
      </c>
      <c r="G78" s="39" t="s">
        <v>3290</v>
      </c>
      <c r="H78" s="41" t="s">
        <v>4656</v>
      </c>
    </row>
    <row r="79" spans="1:8" ht="30.75" customHeight="1" x14ac:dyDescent="0.2">
      <c r="A79" s="52"/>
      <c r="B79" s="43"/>
      <c r="C79" s="44"/>
      <c r="D79" s="43"/>
      <c r="E79" s="43"/>
      <c r="F79" s="43"/>
      <c r="G79" s="41" t="s">
        <v>3834</v>
      </c>
      <c r="H79" s="43"/>
    </row>
    <row r="80" spans="1:8" ht="30.75" customHeight="1" x14ac:dyDescent="0.2">
      <c r="A80" s="52">
        <v>40</v>
      </c>
      <c r="B80" s="39" t="s">
        <v>3437</v>
      </c>
      <c r="C80" s="40" t="s">
        <v>3287</v>
      </c>
      <c r="D80" s="39" t="s">
        <v>500</v>
      </c>
      <c r="E80" s="39" t="s">
        <v>3438</v>
      </c>
      <c r="F80" s="39" t="s">
        <v>3439</v>
      </c>
      <c r="G80" s="39" t="s">
        <v>3440</v>
      </c>
      <c r="H80" s="41" t="s">
        <v>4657</v>
      </c>
    </row>
    <row r="81" spans="1:8" ht="30.75" customHeight="1" x14ac:dyDescent="0.2">
      <c r="A81" s="52"/>
      <c r="B81" s="43"/>
      <c r="C81" s="44"/>
      <c r="D81" s="43"/>
      <c r="E81" s="43"/>
      <c r="F81" s="43"/>
      <c r="G81" s="41" t="s">
        <v>4658</v>
      </c>
      <c r="H81" s="43"/>
    </row>
    <row r="82" spans="1:8" ht="30.75" customHeight="1" x14ac:dyDescent="0.2">
      <c r="A82" s="52">
        <v>41</v>
      </c>
      <c r="B82" s="39" t="s">
        <v>3441</v>
      </c>
      <c r="C82" s="40" t="s">
        <v>3256</v>
      </c>
      <c r="D82" s="39" t="s">
        <v>3442</v>
      </c>
      <c r="E82" s="39" t="s">
        <v>3443</v>
      </c>
      <c r="F82" s="39" t="s">
        <v>3444</v>
      </c>
      <c r="G82" s="39" t="s">
        <v>3445</v>
      </c>
      <c r="H82" s="41" t="s">
        <v>4659</v>
      </c>
    </row>
    <row r="83" spans="1:8" ht="30.75" customHeight="1" x14ac:dyDescent="0.2">
      <c r="A83" s="52"/>
      <c r="B83" s="43"/>
      <c r="C83" s="44"/>
      <c r="D83" s="43"/>
      <c r="E83" s="43"/>
      <c r="F83" s="43"/>
      <c r="G83" s="41" t="s">
        <v>4660</v>
      </c>
      <c r="H83" s="43"/>
    </row>
    <row r="84" spans="1:8" ht="30.75" customHeight="1" x14ac:dyDescent="0.2">
      <c r="A84" s="52">
        <v>42</v>
      </c>
      <c r="B84" s="39" t="s">
        <v>3446</v>
      </c>
      <c r="C84" s="40" t="s">
        <v>3256</v>
      </c>
      <c r="D84" s="39" t="s">
        <v>3447</v>
      </c>
      <c r="E84" s="39" t="s">
        <v>3448</v>
      </c>
      <c r="F84" s="39" t="s">
        <v>3449</v>
      </c>
      <c r="G84" s="39" t="s">
        <v>3450</v>
      </c>
      <c r="H84" s="41" t="s">
        <v>4661</v>
      </c>
    </row>
    <row r="85" spans="1:8" ht="30.75" customHeight="1" x14ac:dyDescent="0.2">
      <c r="A85" s="52"/>
      <c r="B85" s="43"/>
      <c r="C85" s="44"/>
      <c r="D85" s="43"/>
      <c r="E85" s="43"/>
      <c r="F85" s="43"/>
      <c r="G85" s="41" t="s">
        <v>4661</v>
      </c>
      <c r="H85" s="43"/>
    </row>
    <row r="86" spans="1:8" ht="30.75" customHeight="1" x14ac:dyDescent="0.2">
      <c r="A86" s="52">
        <v>43</v>
      </c>
      <c r="B86" s="39" t="s">
        <v>3451</v>
      </c>
      <c r="C86" s="40" t="s">
        <v>3256</v>
      </c>
      <c r="D86" s="39" t="s">
        <v>455</v>
      </c>
      <c r="E86" s="39" t="s">
        <v>3158</v>
      </c>
      <c r="F86" s="39" t="s">
        <v>3452</v>
      </c>
      <c r="G86" s="39" t="s">
        <v>3026</v>
      </c>
      <c r="H86" s="41" t="s">
        <v>4662</v>
      </c>
    </row>
    <row r="87" spans="1:8" ht="30.75" customHeight="1" x14ac:dyDescent="0.2">
      <c r="A87" s="52"/>
      <c r="B87" s="43"/>
      <c r="C87" s="44"/>
      <c r="D87" s="43"/>
      <c r="E87" s="43"/>
      <c r="F87" s="43"/>
      <c r="G87" s="41" t="s">
        <v>3880</v>
      </c>
      <c r="H87" s="43"/>
    </row>
    <row r="88" spans="1:8" ht="30.6" customHeight="1" x14ac:dyDescent="0.2">
      <c r="A88" s="52">
        <v>44</v>
      </c>
      <c r="B88" s="39" t="s">
        <v>3453</v>
      </c>
      <c r="C88" s="40" t="s">
        <v>3256</v>
      </c>
      <c r="D88" s="39" t="s">
        <v>3442</v>
      </c>
      <c r="E88" s="39" t="s">
        <v>3454</v>
      </c>
      <c r="F88" s="39" t="s">
        <v>3455</v>
      </c>
      <c r="G88" s="39" t="s">
        <v>3349</v>
      </c>
      <c r="H88" s="41" t="s">
        <v>3830</v>
      </c>
    </row>
    <row r="89" spans="1:8" ht="30.6" customHeight="1" x14ac:dyDescent="0.2">
      <c r="A89" s="52"/>
      <c r="B89" s="43"/>
      <c r="C89" s="44"/>
      <c r="D89" s="43"/>
      <c r="E89" s="43"/>
      <c r="F89" s="43"/>
      <c r="G89" s="41" t="s">
        <v>3830</v>
      </c>
      <c r="H89" s="43"/>
    </row>
    <row r="90" spans="1:8" ht="30.75" customHeight="1" x14ac:dyDescent="0.2">
      <c r="A90" s="52">
        <v>45</v>
      </c>
      <c r="B90" s="39" t="s">
        <v>3456</v>
      </c>
      <c r="C90" s="40" t="s">
        <v>3256</v>
      </c>
      <c r="D90" s="39" t="s">
        <v>3442</v>
      </c>
      <c r="E90" s="39" t="s">
        <v>3457</v>
      </c>
      <c r="F90" s="39" t="s">
        <v>3458</v>
      </c>
      <c r="G90" s="39" t="s">
        <v>3349</v>
      </c>
      <c r="H90" s="41" t="s">
        <v>3830</v>
      </c>
    </row>
    <row r="91" spans="1:8" ht="30.75" customHeight="1" x14ac:dyDescent="0.2">
      <c r="A91" s="52"/>
      <c r="B91" s="43"/>
      <c r="C91" s="44"/>
      <c r="D91" s="43"/>
      <c r="E91" s="43"/>
      <c r="F91" s="43"/>
      <c r="G91" s="41" t="s">
        <v>3830</v>
      </c>
      <c r="H91" s="43"/>
    </row>
    <row r="92" spans="1:8" ht="30.75" customHeight="1" x14ac:dyDescent="0.2">
      <c r="A92" s="52">
        <v>46</v>
      </c>
      <c r="B92" s="39" t="s">
        <v>3459</v>
      </c>
      <c r="C92" s="40" t="s">
        <v>3256</v>
      </c>
      <c r="D92" s="39" t="s">
        <v>3442</v>
      </c>
      <c r="E92" s="39" t="s">
        <v>3460</v>
      </c>
      <c r="F92" s="39" t="s">
        <v>3461</v>
      </c>
      <c r="G92" s="39" t="s">
        <v>3462</v>
      </c>
      <c r="H92" s="41" t="s">
        <v>4826</v>
      </c>
    </row>
    <row r="93" spans="1:8" ht="30.75" customHeight="1" x14ac:dyDescent="0.2">
      <c r="A93" s="52"/>
      <c r="B93" s="43"/>
      <c r="C93" s="44"/>
      <c r="D93" s="43"/>
      <c r="E93" s="43"/>
      <c r="F93" s="43"/>
      <c r="G93" s="41" t="s">
        <v>4663</v>
      </c>
      <c r="H93" s="43"/>
    </row>
    <row r="94" spans="1:8" ht="30.75" customHeight="1" x14ac:dyDescent="0.2">
      <c r="A94" s="52">
        <v>47</v>
      </c>
      <c r="B94" s="39" t="s">
        <v>3463</v>
      </c>
      <c r="C94" s="40" t="s">
        <v>3256</v>
      </c>
      <c r="D94" s="39" t="s">
        <v>475</v>
      </c>
      <c r="E94" s="39" t="s">
        <v>3464</v>
      </c>
      <c r="F94" s="39" t="s">
        <v>3465</v>
      </c>
      <c r="G94" s="39" t="s">
        <v>3466</v>
      </c>
      <c r="H94" s="41" t="s">
        <v>4823</v>
      </c>
    </row>
    <row r="95" spans="1:8" ht="30.75" customHeight="1" x14ac:dyDescent="0.2">
      <c r="A95" s="52"/>
      <c r="B95" s="43"/>
      <c r="C95" s="44"/>
      <c r="D95" s="43"/>
      <c r="E95" s="43"/>
      <c r="F95" s="43"/>
      <c r="G95" s="41" t="s">
        <v>4664</v>
      </c>
      <c r="H95" s="43"/>
    </row>
    <row r="96" spans="1:8" ht="30.75" customHeight="1" x14ac:dyDescent="0.2">
      <c r="A96" s="52">
        <v>48</v>
      </c>
      <c r="B96" s="39" t="s">
        <v>3467</v>
      </c>
      <c r="C96" s="40" t="s">
        <v>3262</v>
      </c>
      <c r="D96" s="39" t="s">
        <v>3442</v>
      </c>
      <c r="E96" s="39" t="s">
        <v>3468</v>
      </c>
      <c r="F96" s="39" t="s">
        <v>3469</v>
      </c>
      <c r="G96" s="39" t="s">
        <v>3470</v>
      </c>
      <c r="H96" s="41" t="s">
        <v>4665</v>
      </c>
    </row>
    <row r="97" spans="1:8" ht="30.75" customHeight="1" x14ac:dyDescent="0.2">
      <c r="A97" s="52"/>
      <c r="B97" s="43"/>
      <c r="C97" s="44"/>
      <c r="D97" s="43"/>
      <c r="E97" s="43"/>
      <c r="F97" s="43"/>
      <c r="G97" s="41" t="s">
        <v>3830</v>
      </c>
      <c r="H97" s="43"/>
    </row>
    <row r="98" spans="1:8" ht="30.75" customHeight="1" x14ac:dyDescent="0.2">
      <c r="A98" s="52">
        <v>49</v>
      </c>
      <c r="B98" s="39" t="s">
        <v>3471</v>
      </c>
      <c r="C98" s="40" t="s">
        <v>3472</v>
      </c>
      <c r="D98" s="39" t="s">
        <v>3473</v>
      </c>
      <c r="E98" s="39" t="s">
        <v>3474</v>
      </c>
      <c r="F98" s="39" t="s">
        <v>3475</v>
      </c>
      <c r="G98" s="39" t="s">
        <v>3476</v>
      </c>
      <c r="H98" s="41" t="s">
        <v>3477</v>
      </c>
    </row>
    <row r="99" spans="1:8" ht="30.75" customHeight="1" x14ac:dyDescent="0.2">
      <c r="A99" s="52"/>
      <c r="B99" s="43"/>
      <c r="C99" s="44"/>
      <c r="D99" s="43"/>
      <c r="E99" s="43"/>
      <c r="F99" s="43"/>
      <c r="G99" s="41" t="s">
        <v>3478</v>
      </c>
      <c r="H99" s="43"/>
    </row>
    <row r="100" spans="1:8" ht="30.75" customHeight="1" x14ac:dyDescent="0.2">
      <c r="A100" s="52">
        <v>50</v>
      </c>
      <c r="B100" s="39" t="s">
        <v>3479</v>
      </c>
      <c r="C100" s="40" t="s">
        <v>3472</v>
      </c>
      <c r="D100" s="39" t="s">
        <v>3480</v>
      </c>
      <c r="E100" s="39" t="s">
        <v>3481</v>
      </c>
      <c r="F100" s="39" t="s">
        <v>3482</v>
      </c>
      <c r="G100" s="39" t="s">
        <v>3483</v>
      </c>
      <c r="H100" s="41" t="s">
        <v>4666</v>
      </c>
    </row>
    <row r="101" spans="1:8" ht="30.75" customHeight="1" x14ac:dyDescent="0.2">
      <c r="A101" s="52"/>
      <c r="B101" s="43"/>
      <c r="C101" s="44"/>
      <c r="D101" s="43"/>
      <c r="E101" s="43"/>
      <c r="F101" s="43"/>
      <c r="G101" s="43" t="s">
        <v>4667</v>
      </c>
      <c r="H101" s="43"/>
    </row>
    <row r="102" spans="1:8" ht="30.75" customHeight="1" x14ac:dyDescent="0.2">
      <c r="A102" s="52">
        <v>51</v>
      </c>
      <c r="B102" s="39" t="s">
        <v>3484</v>
      </c>
      <c r="C102" s="40" t="s">
        <v>3256</v>
      </c>
      <c r="D102" s="39" t="s">
        <v>3485</v>
      </c>
      <c r="E102" s="39" t="s">
        <v>3486</v>
      </c>
      <c r="F102" s="39" t="s">
        <v>3487</v>
      </c>
      <c r="G102" s="39" t="s">
        <v>3488</v>
      </c>
      <c r="H102" s="41" t="s">
        <v>4668</v>
      </c>
    </row>
    <row r="103" spans="1:8" ht="30.75" customHeight="1" x14ac:dyDescent="0.2">
      <c r="A103" s="52"/>
      <c r="B103" s="43"/>
      <c r="C103" s="44"/>
      <c r="D103" s="43"/>
      <c r="E103" s="43"/>
      <c r="F103" s="43"/>
      <c r="G103" s="41" t="s">
        <v>4669</v>
      </c>
      <c r="H103" s="43"/>
    </row>
    <row r="104" spans="1:8" ht="30.75" customHeight="1" x14ac:dyDescent="0.2">
      <c r="A104" s="52">
        <v>52</v>
      </c>
      <c r="B104" s="39" t="s">
        <v>3489</v>
      </c>
      <c r="C104" s="40" t="s">
        <v>3256</v>
      </c>
      <c r="D104" s="39" t="s">
        <v>561</v>
      </c>
      <c r="E104" s="39" t="s">
        <v>3490</v>
      </c>
      <c r="F104" s="39" t="s">
        <v>3491</v>
      </c>
      <c r="G104" s="39" t="s">
        <v>3492</v>
      </c>
      <c r="H104" s="41" t="s">
        <v>4670</v>
      </c>
    </row>
    <row r="105" spans="1:8" ht="30.75" customHeight="1" x14ac:dyDescent="0.2">
      <c r="A105" s="52"/>
      <c r="B105" s="43"/>
      <c r="C105" s="44"/>
      <c r="D105" s="43"/>
      <c r="E105" s="43"/>
      <c r="F105" s="43"/>
      <c r="G105" s="41" t="s">
        <v>4671</v>
      </c>
      <c r="H105" s="43"/>
    </row>
    <row r="106" spans="1:8" ht="30.75" customHeight="1" x14ac:dyDescent="0.2">
      <c r="A106" s="52">
        <v>53</v>
      </c>
      <c r="B106" s="39" t="s">
        <v>3493</v>
      </c>
      <c r="C106" s="40" t="s">
        <v>3256</v>
      </c>
      <c r="D106" s="39" t="s">
        <v>3494</v>
      </c>
      <c r="E106" s="39" t="s">
        <v>3495</v>
      </c>
      <c r="F106" s="39" t="s">
        <v>3496</v>
      </c>
      <c r="G106" s="39" t="s">
        <v>3349</v>
      </c>
      <c r="H106" s="41" t="s">
        <v>4672</v>
      </c>
    </row>
    <row r="107" spans="1:8" ht="30.75" customHeight="1" x14ac:dyDescent="0.2">
      <c r="A107" s="52"/>
      <c r="B107" s="43"/>
      <c r="C107" s="44"/>
      <c r="D107" s="43"/>
      <c r="E107" s="43"/>
      <c r="F107" s="43"/>
      <c r="G107" s="41" t="s">
        <v>3830</v>
      </c>
      <c r="H107" s="43"/>
    </row>
    <row r="108" spans="1:8" ht="30.75" customHeight="1" x14ac:dyDescent="0.2">
      <c r="A108" s="52">
        <v>54</v>
      </c>
      <c r="B108" s="39" t="s">
        <v>3497</v>
      </c>
      <c r="C108" s="40" t="s">
        <v>3256</v>
      </c>
      <c r="D108" s="39" t="s">
        <v>613</v>
      </c>
      <c r="E108" s="39" t="s">
        <v>3498</v>
      </c>
      <c r="F108" s="39" t="s">
        <v>3499</v>
      </c>
      <c r="G108" s="39" t="s">
        <v>3500</v>
      </c>
      <c r="H108" s="41" t="s">
        <v>4673</v>
      </c>
    </row>
    <row r="109" spans="1:8" ht="30.75" customHeight="1" x14ac:dyDescent="0.2">
      <c r="A109" s="52"/>
      <c r="B109" s="43"/>
      <c r="C109" s="44"/>
      <c r="D109" s="43"/>
      <c r="E109" s="43"/>
      <c r="F109" s="43"/>
      <c r="G109" s="41" t="s">
        <v>4674</v>
      </c>
      <c r="H109" s="43"/>
    </row>
    <row r="110" spans="1:8" ht="30.75" customHeight="1" x14ac:dyDescent="0.2">
      <c r="A110" s="52">
        <v>55</v>
      </c>
      <c r="B110" s="39" t="s">
        <v>4908</v>
      </c>
      <c r="C110" s="40" t="s">
        <v>3256</v>
      </c>
      <c r="D110" s="39" t="s">
        <v>3494</v>
      </c>
      <c r="E110" s="39" t="s">
        <v>3501</v>
      </c>
      <c r="F110" s="39" t="s">
        <v>3502</v>
      </c>
      <c r="G110" s="39" t="s">
        <v>3349</v>
      </c>
      <c r="H110" s="41" t="s">
        <v>4675</v>
      </c>
    </row>
    <row r="111" spans="1:8" ht="30.75" customHeight="1" x14ac:dyDescent="0.2">
      <c r="A111" s="52"/>
      <c r="B111" s="43"/>
      <c r="C111" s="44"/>
      <c r="D111" s="43"/>
      <c r="E111" s="43"/>
      <c r="F111" s="43"/>
      <c r="G111" s="41" t="s">
        <v>3830</v>
      </c>
      <c r="H111" s="43"/>
    </row>
    <row r="112" spans="1:8" ht="30.75" customHeight="1" x14ac:dyDescent="0.2">
      <c r="A112" s="52">
        <v>56</v>
      </c>
      <c r="B112" s="39" t="s">
        <v>3503</v>
      </c>
      <c r="C112" s="40" t="s">
        <v>3256</v>
      </c>
      <c r="D112" s="39" t="s">
        <v>3504</v>
      </c>
      <c r="E112" s="39" t="s">
        <v>3505</v>
      </c>
      <c r="F112" s="39" t="s">
        <v>3506</v>
      </c>
      <c r="G112" s="39" t="s">
        <v>3507</v>
      </c>
      <c r="H112" s="41" t="s">
        <v>4676</v>
      </c>
    </row>
    <row r="113" spans="1:8" ht="30.75" customHeight="1" x14ac:dyDescent="0.2">
      <c r="A113" s="52"/>
      <c r="B113" s="43"/>
      <c r="C113" s="44"/>
      <c r="D113" s="43"/>
      <c r="E113" s="43"/>
      <c r="F113" s="43"/>
      <c r="G113" s="41" t="s">
        <v>4677</v>
      </c>
      <c r="H113" s="43"/>
    </row>
    <row r="114" spans="1:8" ht="30.75" customHeight="1" x14ac:dyDescent="0.2">
      <c r="A114" s="52">
        <v>57</v>
      </c>
      <c r="B114" s="39" t="s">
        <v>3508</v>
      </c>
      <c r="C114" s="40" t="s">
        <v>3256</v>
      </c>
      <c r="D114" s="39" t="s">
        <v>699</v>
      </c>
      <c r="E114" s="39" t="s">
        <v>3509</v>
      </c>
      <c r="F114" s="39" t="s">
        <v>3510</v>
      </c>
      <c r="G114" s="39" t="s">
        <v>3511</v>
      </c>
      <c r="H114" s="41" t="s">
        <v>4678</v>
      </c>
    </row>
    <row r="115" spans="1:8" ht="30.75" customHeight="1" x14ac:dyDescent="0.2">
      <c r="A115" s="52"/>
      <c r="B115" s="43"/>
      <c r="C115" s="44"/>
      <c r="D115" s="43"/>
      <c r="E115" s="43"/>
      <c r="F115" s="43"/>
      <c r="G115" s="41" t="s">
        <v>4679</v>
      </c>
      <c r="H115" s="43"/>
    </row>
    <row r="116" spans="1:8" ht="30.75" customHeight="1" x14ac:dyDescent="0.2">
      <c r="A116" s="52">
        <v>58</v>
      </c>
      <c r="B116" s="39" t="s">
        <v>3512</v>
      </c>
      <c r="C116" s="40" t="s">
        <v>3256</v>
      </c>
      <c r="D116" s="39" t="s">
        <v>3513</v>
      </c>
      <c r="E116" s="39" t="s">
        <v>3514</v>
      </c>
      <c r="F116" s="39" t="s">
        <v>3515</v>
      </c>
      <c r="G116" s="39" t="s">
        <v>3516</v>
      </c>
      <c r="H116" s="41" t="s">
        <v>4680</v>
      </c>
    </row>
    <row r="117" spans="1:8" ht="30.75" customHeight="1" x14ac:dyDescent="0.2">
      <c r="A117" s="52"/>
      <c r="B117" s="43"/>
      <c r="C117" s="44"/>
      <c r="D117" s="43"/>
      <c r="E117" s="43"/>
      <c r="F117" s="43"/>
      <c r="G117" s="41" t="s">
        <v>4680</v>
      </c>
      <c r="H117" s="43"/>
    </row>
    <row r="118" spans="1:8" ht="30.75" customHeight="1" x14ac:dyDescent="0.2">
      <c r="A118" s="52">
        <v>59</v>
      </c>
      <c r="B118" s="39" t="s">
        <v>3517</v>
      </c>
      <c r="C118" s="40" t="s">
        <v>3256</v>
      </c>
      <c r="D118" s="39" t="s">
        <v>780</v>
      </c>
      <c r="E118" s="39" t="s">
        <v>3518</v>
      </c>
      <c r="F118" s="39" t="s">
        <v>3519</v>
      </c>
      <c r="G118" s="39" t="s">
        <v>3520</v>
      </c>
      <c r="H118" s="41" t="s">
        <v>4833</v>
      </c>
    </row>
    <row r="119" spans="1:8" ht="49.95" customHeight="1" x14ac:dyDescent="0.2">
      <c r="A119" s="52"/>
      <c r="B119" s="43"/>
      <c r="C119" s="44"/>
      <c r="D119" s="43"/>
      <c r="E119" s="43"/>
      <c r="F119" s="43"/>
      <c r="G119" s="41" t="s">
        <v>4681</v>
      </c>
      <c r="H119" s="43"/>
    </row>
    <row r="120" spans="1:8" ht="30.75" customHeight="1" x14ac:dyDescent="0.2">
      <c r="A120" s="52">
        <v>60</v>
      </c>
      <c r="B120" s="39" t="s">
        <v>3521</v>
      </c>
      <c r="C120" s="40" t="s">
        <v>3522</v>
      </c>
      <c r="D120" s="39" t="s">
        <v>3523</v>
      </c>
      <c r="E120" s="39" t="s">
        <v>3524</v>
      </c>
      <c r="F120" s="39" t="s">
        <v>3525</v>
      </c>
      <c r="G120" s="39" t="s">
        <v>3526</v>
      </c>
      <c r="H120" s="41" t="s">
        <v>4682</v>
      </c>
    </row>
    <row r="121" spans="1:8" ht="30.75" customHeight="1" x14ac:dyDescent="0.2">
      <c r="A121" s="52"/>
      <c r="B121" s="43"/>
      <c r="C121" s="44"/>
      <c r="D121" s="43"/>
      <c r="E121" s="43"/>
      <c r="F121" s="43"/>
      <c r="G121" s="41" t="s">
        <v>4683</v>
      </c>
      <c r="H121" s="43"/>
    </row>
    <row r="122" spans="1:8" ht="30.75" customHeight="1" x14ac:dyDescent="0.2">
      <c r="A122" s="52">
        <v>61</v>
      </c>
      <c r="B122" s="39" t="s">
        <v>3527</v>
      </c>
      <c r="C122" s="40" t="s">
        <v>3262</v>
      </c>
      <c r="D122" s="39" t="s">
        <v>3528</v>
      </c>
      <c r="E122" s="39" t="s">
        <v>3529</v>
      </c>
      <c r="F122" s="39" t="s">
        <v>3530</v>
      </c>
      <c r="G122" s="39" t="s">
        <v>3531</v>
      </c>
      <c r="H122" s="41" t="s">
        <v>4684</v>
      </c>
    </row>
    <row r="123" spans="1:8" ht="30.75" customHeight="1" x14ac:dyDescent="0.2">
      <c r="A123" s="52"/>
      <c r="B123" s="43"/>
      <c r="C123" s="44"/>
      <c r="D123" s="43"/>
      <c r="E123" s="43"/>
      <c r="F123" s="43"/>
      <c r="G123" s="41" t="s">
        <v>4685</v>
      </c>
      <c r="H123" s="43"/>
    </row>
    <row r="124" spans="1:8" ht="30.75" customHeight="1" x14ac:dyDescent="0.2">
      <c r="A124" s="52">
        <v>62</v>
      </c>
      <c r="B124" s="39" t="s">
        <v>3532</v>
      </c>
      <c r="C124" s="40" t="s">
        <v>3256</v>
      </c>
      <c r="D124" s="39" t="s">
        <v>3533</v>
      </c>
      <c r="E124" s="39" t="s">
        <v>3742</v>
      </c>
      <c r="F124" s="39" t="s">
        <v>3534</v>
      </c>
      <c r="G124" s="39" t="s">
        <v>3535</v>
      </c>
      <c r="H124" s="41" t="s">
        <v>4686</v>
      </c>
    </row>
    <row r="125" spans="1:8" ht="30.75" customHeight="1" x14ac:dyDescent="0.2">
      <c r="A125" s="52"/>
      <c r="B125" s="43"/>
      <c r="C125" s="44"/>
      <c r="D125" s="43"/>
      <c r="E125" s="43"/>
      <c r="F125" s="43"/>
      <c r="G125" s="41" t="s">
        <v>4687</v>
      </c>
      <c r="H125" s="43"/>
    </row>
    <row r="126" spans="1:8" ht="30.75" customHeight="1" x14ac:dyDescent="0.2">
      <c r="A126" s="52">
        <v>63</v>
      </c>
      <c r="B126" s="39" t="s">
        <v>3536</v>
      </c>
      <c r="C126" s="40" t="s">
        <v>3256</v>
      </c>
      <c r="D126" s="39" t="s">
        <v>1142</v>
      </c>
      <c r="E126" s="39" t="s">
        <v>3537</v>
      </c>
      <c r="F126" s="39" t="s">
        <v>3538</v>
      </c>
      <c r="G126" s="39" t="s">
        <v>3539</v>
      </c>
      <c r="H126" s="41" t="s">
        <v>4688</v>
      </c>
    </row>
    <row r="127" spans="1:8" ht="30.75" customHeight="1" x14ac:dyDescent="0.2">
      <c r="A127" s="52"/>
      <c r="B127" s="43"/>
      <c r="C127" s="44"/>
      <c r="D127" s="43"/>
      <c r="E127" s="43"/>
      <c r="F127" s="43"/>
      <c r="G127" s="41" t="s">
        <v>4689</v>
      </c>
      <c r="H127" s="43"/>
    </row>
    <row r="128" spans="1:8" ht="30.75" customHeight="1" x14ac:dyDescent="0.2">
      <c r="A128" s="52">
        <v>64</v>
      </c>
      <c r="B128" s="39" t="s">
        <v>3540</v>
      </c>
      <c r="C128" s="40" t="s">
        <v>3256</v>
      </c>
      <c r="D128" s="39" t="s">
        <v>3541</v>
      </c>
      <c r="E128" s="39" t="s">
        <v>3542</v>
      </c>
      <c r="F128" s="39" t="s">
        <v>3543</v>
      </c>
      <c r="G128" s="39" t="s">
        <v>3544</v>
      </c>
      <c r="H128" s="41" t="s">
        <v>4690</v>
      </c>
    </row>
    <row r="129" spans="1:8" ht="30.75" customHeight="1" x14ac:dyDescent="0.2">
      <c r="A129" s="52"/>
      <c r="B129" s="43"/>
      <c r="C129" s="44"/>
      <c r="D129" s="43"/>
      <c r="E129" s="43"/>
      <c r="F129" s="43"/>
      <c r="G129" s="41" t="s">
        <v>4691</v>
      </c>
      <c r="H129" s="43"/>
    </row>
    <row r="130" spans="1:8" ht="30.75" customHeight="1" x14ac:dyDescent="0.2">
      <c r="A130" s="52">
        <v>65</v>
      </c>
      <c r="B130" s="39" t="s">
        <v>3545</v>
      </c>
      <c r="C130" s="40" t="s">
        <v>3256</v>
      </c>
      <c r="D130" s="39" t="s">
        <v>3546</v>
      </c>
      <c r="E130" s="39" t="s">
        <v>3547</v>
      </c>
      <c r="F130" s="39" t="s">
        <v>3548</v>
      </c>
      <c r="G130" s="39" t="s">
        <v>3549</v>
      </c>
      <c r="H130" s="41" t="s">
        <v>4692</v>
      </c>
    </row>
    <row r="131" spans="1:8" ht="30.75" customHeight="1" x14ac:dyDescent="0.2">
      <c r="A131" s="52"/>
      <c r="B131" s="43"/>
      <c r="C131" s="44"/>
      <c r="D131" s="43"/>
      <c r="E131" s="43"/>
      <c r="F131" s="43"/>
      <c r="G131" s="41" t="s">
        <v>3745</v>
      </c>
      <c r="H131" s="43"/>
    </row>
    <row r="132" spans="1:8" ht="30.75" customHeight="1" x14ac:dyDescent="0.2">
      <c r="A132" s="52">
        <v>66</v>
      </c>
      <c r="B132" s="39" t="s">
        <v>3550</v>
      </c>
      <c r="C132" s="40" t="s">
        <v>3256</v>
      </c>
      <c r="D132" s="39" t="s">
        <v>1331</v>
      </c>
      <c r="E132" s="39" t="s">
        <v>3551</v>
      </c>
      <c r="F132" s="39" t="s">
        <v>3552</v>
      </c>
      <c r="G132" s="39" t="s">
        <v>3492</v>
      </c>
      <c r="H132" s="41" t="s">
        <v>4824</v>
      </c>
    </row>
    <row r="133" spans="1:8" ht="30.75" customHeight="1" x14ac:dyDescent="0.2">
      <c r="A133" s="52"/>
      <c r="B133" s="43"/>
      <c r="C133" s="44"/>
      <c r="D133" s="43"/>
      <c r="E133" s="43"/>
      <c r="F133" s="43"/>
      <c r="G133" s="41" t="s">
        <v>4671</v>
      </c>
      <c r="H133" s="43"/>
    </row>
    <row r="134" spans="1:8" ht="30.75" customHeight="1" x14ac:dyDescent="0.2">
      <c r="A134" s="52">
        <v>67</v>
      </c>
      <c r="B134" s="39" t="s">
        <v>3553</v>
      </c>
      <c r="C134" s="40" t="s">
        <v>3256</v>
      </c>
      <c r="D134" s="39" t="s">
        <v>3554</v>
      </c>
      <c r="E134" s="39" t="s">
        <v>3555</v>
      </c>
      <c r="F134" s="39" t="s">
        <v>3556</v>
      </c>
      <c r="G134" s="39" t="s">
        <v>3557</v>
      </c>
      <c r="H134" s="41" t="s">
        <v>4832</v>
      </c>
    </row>
    <row r="135" spans="1:8" ht="30.75" customHeight="1" x14ac:dyDescent="0.2">
      <c r="A135" s="52"/>
      <c r="B135" s="43"/>
      <c r="C135" s="44"/>
      <c r="D135" s="43"/>
      <c r="E135" s="43"/>
      <c r="F135" s="43"/>
      <c r="G135" s="41" t="s">
        <v>4693</v>
      </c>
      <c r="H135" s="43"/>
    </row>
    <row r="136" spans="1:8" ht="30.75" customHeight="1" x14ac:dyDescent="0.2">
      <c r="A136" s="52">
        <v>68</v>
      </c>
      <c r="B136" s="39" t="s">
        <v>3558</v>
      </c>
      <c r="C136" s="40" t="s">
        <v>3256</v>
      </c>
      <c r="D136" s="39" t="s">
        <v>3559</v>
      </c>
      <c r="E136" s="39" t="s">
        <v>3560</v>
      </c>
      <c r="F136" s="39" t="s">
        <v>3561</v>
      </c>
      <c r="G136" s="39" t="s">
        <v>3562</v>
      </c>
      <c r="H136" s="41" t="s">
        <v>4694</v>
      </c>
    </row>
    <row r="137" spans="1:8" ht="30.75" customHeight="1" x14ac:dyDescent="0.2">
      <c r="A137" s="52"/>
      <c r="B137" s="43"/>
      <c r="C137" s="44"/>
      <c r="D137" s="43"/>
      <c r="E137" s="43"/>
      <c r="F137" s="43"/>
      <c r="G137" s="41" t="s">
        <v>4695</v>
      </c>
      <c r="H137" s="43"/>
    </row>
    <row r="138" spans="1:8" ht="30.75" customHeight="1" x14ac:dyDescent="0.2">
      <c r="A138" s="52">
        <v>69</v>
      </c>
      <c r="B138" s="39" t="s">
        <v>3563</v>
      </c>
      <c r="C138" s="40" t="s">
        <v>3256</v>
      </c>
      <c r="D138" s="39" t="s">
        <v>3564</v>
      </c>
      <c r="E138" s="39" t="s">
        <v>3565</v>
      </c>
      <c r="F138" s="39" t="s">
        <v>3566</v>
      </c>
      <c r="G138" s="39" t="s">
        <v>3567</v>
      </c>
      <c r="H138" s="41" t="s">
        <v>4696</v>
      </c>
    </row>
    <row r="139" spans="1:8" ht="30.75" customHeight="1" x14ac:dyDescent="0.2">
      <c r="A139" s="52"/>
      <c r="B139" s="43"/>
      <c r="C139" s="44"/>
      <c r="D139" s="43"/>
      <c r="E139" s="43"/>
      <c r="F139" s="43"/>
      <c r="G139" s="41" t="s">
        <v>4697</v>
      </c>
      <c r="H139" s="43"/>
    </row>
    <row r="140" spans="1:8" ht="30.75" customHeight="1" x14ac:dyDescent="0.2">
      <c r="A140" s="52">
        <v>70</v>
      </c>
      <c r="B140" s="39" t="s">
        <v>4834</v>
      </c>
      <c r="C140" s="40" t="s">
        <v>3256</v>
      </c>
      <c r="D140" s="39" t="s">
        <v>3568</v>
      </c>
      <c r="E140" s="39" t="s">
        <v>3569</v>
      </c>
      <c r="F140" s="39" t="s">
        <v>3570</v>
      </c>
      <c r="G140" s="39" t="s">
        <v>3567</v>
      </c>
      <c r="H140" s="41" t="s">
        <v>4696</v>
      </c>
    </row>
    <row r="141" spans="1:8" ht="30.75" customHeight="1" x14ac:dyDescent="0.2">
      <c r="A141" s="52"/>
      <c r="B141" s="43"/>
      <c r="C141" s="44"/>
      <c r="D141" s="43"/>
      <c r="E141" s="43"/>
      <c r="F141" s="43"/>
      <c r="G141" s="41" t="s">
        <v>4697</v>
      </c>
      <c r="H141" s="43"/>
    </row>
    <row r="142" spans="1:8" ht="30.75" customHeight="1" x14ac:dyDescent="0.2">
      <c r="A142" s="52">
        <v>71</v>
      </c>
      <c r="B142" s="39" t="s">
        <v>3571</v>
      </c>
      <c r="C142" s="40" t="s">
        <v>4897</v>
      </c>
      <c r="D142" s="39" t="s">
        <v>3572</v>
      </c>
      <c r="E142" s="39" t="s">
        <v>3573</v>
      </c>
      <c r="F142" s="39" t="s">
        <v>3574</v>
      </c>
      <c r="G142" s="39" t="s">
        <v>3575</v>
      </c>
      <c r="H142" s="41" t="s">
        <v>4851</v>
      </c>
    </row>
    <row r="143" spans="1:8" ht="30.75" customHeight="1" x14ac:dyDescent="0.2">
      <c r="A143" s="52"/>
      <c r="B143" s="43"/>
      <c r="C143" s="44"/>
      <c r="D143" s="43"/>
      <c r="E143" s="43"/>
      <c r="F143" s="43"/>
      <c r="G143" s="41" t="s">
        <v>4831</v>
      </c>
      <c r="H143" s="43"/>
    </row>
    <row r="144" spans="1:8" ht="30.75" customHeight="1" x14ac:dyDescent="0.2">
      <c r="A144" s="52">
        <v>72</v>
      </c>
      <c r="B144" s="39" t="s">
        <v>3576</v>
      </c>
      <c r="C144" s="40" t="s">
        <v>3256</v>
      </c>
      <c r="D144" s="39" t="s">
        <v>3577</v>
      </c>
      <c r="E144" s="39" t="s">
        <v>3578</v>
      </c>
      <c r="F144" s="39" t="s">
        <v>3579</v>
      </c>
      <c r="G144" s="39" t="s">
        <v>3580</v>
      </c>
      <c r="H144" s="41" t="s">
        <v>4698</v>
      </c>
    </row>
    <row r="145" spans="1:8" ht="30.75" customHeight="1" x14ac:dyDescent="0.2">
      <c r="A145" s="52"/>
      <c r="B145" s="43"/>
      <c r="C145" s="44"/>
      <c r="D145" s="43"/>
      <c r="E145" s="43"/>
      <c r="F145" s="43"/>
      <c r="G145" s="41" t="s">
        <v>4699</v>
      </c>
      <c r="H145" s="43"/>
    </row>
    <row r="146" spans="1:8" ht="30.75" customHeight="1" x14ac:dyDescent="0.2">
      <c r="A146" s="52">
        <v>73</v>
      </c>
      <c r="B146" s="39" t="s">
        <v>3581</v>
      </c>
      <c r="C146" s="40" t="s">
        <v>3256</v>
      </c>
      <c r="D146" s="39" t="s">
        <v>3582</v>
      </c>
      <c r="E146" s="39" t="s">
        <v>3583</v>
      </c>
      <c r="F146" s="39" t="s">
        <v>3584</v>
      </c>
      <c r="G146" s="39" t="s">
        <v>3585</v>
      </c>
      <c r="H146" s="41" t="s">
        <v>4700</v>
      </c>
    </row>
    <row r="147" spans="1:8" ht="30.75" customHeight="1" x14ac:dyDescent="0.2">
      <c r="A147" s="52"/>
      <c r="B147" s="43"/>
      <c r="C147" s="44"/>
      <c r="D147" s="43"/>
      <c r="E147" s="43"/>
      <c r="F147" s="43"/>
      <c r="G147" s="41" t="s">
        <v>4701</v>
      </c>
      <c r="H147" s="43"/>
    </row>
    <row r="148" spans="1:8" ht="30.75" customHeight="1" x14ac:dyDescent="0.2">
      <c r="A148" s="52">
        <v>74</v>
      </c>
      <c r="B148" s="39" t="s">
        <v>3586</v>
      </c>
      <c r="C148" s="40" t="s">
        <v>3522</v>
      </c>
      <c r="D148" s="39" t="s">
        <v>3587</v>
      </c>
      <c r="E148" s="39" t="s">
        <v>3588</v>
      </c>
      <c r="F148" s="39" t="s">
        <v>3589</v>
      </c>
      <c r="G148" s="39" t="s">
        <v>3590</v>
      </c>
      <c r="H148" s="41" t="s">
        <v>4702</v>
      </c>
    </row>
    <row r="149" spans="1:8" ht="30.75" customHeight="1" x14ac:dyDescent="0.2">
      <c r="A149" s="52"/>
      <c r="B149" s="43"/>
      <c r="C149" s="44"/>
      <c r="D149" s="43"/>
      <c r="E149" s="43"/>
      <c r="F149" s="43"/>
      <c r="G149" s="43" t="s">
        <v>4703</v>
      </c>
      <c r="H149" s="43"/>
    </row>
    <row r="150" spans="1:8" ht="30.75" customHeight="1" x14ac:dyDescent="0.2">
      <c r="A150" s="52">
        <v>75</v>
      </c>
      <c r="B150" s="39" t="s">
        <v>3591</v>
      </c>
      <c r="C150" s="40" t="s">
        <v>3592</v>
      </c>
      <c r="D150" s="39" t="s">
        <v>3593</v>
      </c>
      <c r="E150" s="39" t="s">
        <v>3594</v>
      </c>
      <c r="F150" s="39" t="s">
        <v>3595</v>
      </c>
      <c r="G150" s="39" t="s">
        <v>3596</v>
      </c>
      <c r="H150" s="41" t="s">
        <v>4704</v>
      </c>
    </row>
    <row r="151" spans="1:8" ht="30.75" customHeight="1" x14ac:dyDescent="0.2">
      <c r="A151" s="52"/>
      <c r="B151" s="43"/>
      <c r="C151" s="44"/>
      <c r="D151" s="43"/>
      <c r="E151" s="43"/>
      <c r="F151" s="43"/>
      <c r="G151" s="41" t="s">
        <v>4705</v>
      </c>
      <c r="H151" s="43"/>
    </row>
    <row r="152" spans="1:8" ht="30.75" customHeight="1" x14ac:dyDescent="0.2">
      <c r="A152" s="52">
        <v>76</v>
      </c>
      <c r="B152" s="39" t="s">
        <v>3597</v>
      </c>
      <c r="C152" s="40" t="s">
        <v>3256</v>
      </c>
      <c r="D152" s="39" t="s">
        <v>3598</v>
      </c>
      <c r="E152" s="39" t="s">
        <v>3599</v>
      </c>
      <c r="F152" s="39" t="s">
        <v>3600</v>
      </c>
      <c r="G152" s="39" t="s">
        <v>3601</v>
      </c>
      <c r="H152" s="41" t="s">
        <v>4706</v>
      </c>
    </row>
    <row r="153" spans="1:8" ht="30.75" customHeight="1" x14ac:dyDescent="0.2">
      <c r="A153" s="52"/>
      <c r="B153" s="43"/>
      <c r="C153" s="44"/>
      <c r="D153" s="43"/>
      <c r="E153" s="43"/>
      <c r="F153" s="43"/>
      <c r="G153" s="41" t="s">
        <v>4707</v>
      </c>
      <c r="H153" s="43"/>
    </row>
    <row r="154" spans="1:8" ht="30.75" customHeight="1" x14ac:dyDescent="0.2">
      <c r="A154" s="52">
        <v>77</v>
      </c>
      <c r="B154" s="39" t="s">
        <v>3602</v>
      </c>
      <c r="C154" s="40" t="s">
        <v>3256</v>
      </c>
      <c r="D154" s="39" t="s">
        <v>3603</v>
      </c>
      <c r="E154" s="39" t="s">
        <v>3604</v>
      </c>
      <c r="F154" s="39" t="s">
        <v>3605</v>
      </c>
      <c r="G154" s="39" t="s">
        <v>3606</v>
      </c>
      <c r="H154" s="41" t="s">
        <v>4708</v>
      </c>
    </row>
    <row r="155" spans="1:8" ht="30.75" customHeight="1" x14ac:dyDescent="0.2">
      <c r="A155" s="52"/>
      <c r="B155" s="43"/>
      <c r="C155" s="44"/>
      <c r="D155" s="43"/>
      <c r="E155" s="43"/>
      <c r="F155" s="43"/>
      <c r="G155" s="41" t="s">
        <v>4252</v>
      </c>
      <c r="H155" s="43"/>
    </row>
    <row r="156" spans="1:8" ht="30.75" customHeight="1" x14ac:dyDescent="0.2">
      <c r="A156" s="52">
        <v>78</v>
      </c>
      <c r="B156" s="39" t="s">
        <v>3607</v>
      </c>
      <c r="C156" s="40" t="s">
        <v>3256</v>
      </c>
      <c r="D156" s="39" t="s">
        <v>3608</v>
      </c>
      <c r="E156" s="39" t="s">
        <v>3609</v>
      </c>
      <c r="F156" s="39" t="s">
        <v>3610</v>
      </c>
      <c r="G156" s="39" t="s">
        <v>3611</v>
      </c>
      <c r="H156" s="41" t="s">
        <v>4709</v>
      </c>
    </row>
    <row r="157" spans="1:8" ht="30.75" customHeight="1" x14ac:dyDescent="0.2">
      <c r="A157" s="52"/>
      <c r="B157" s="43"/>
      <c r="C157" s="44"/>
      <c r="D157" s="43"/>
      <c r="E157" s="43"/>
      <c r="F157" s="43"/>
      <c r="G157" s="41" t="s">
        <v>4710</v>
      </c>
      <c r="H157" s="43"/>
    </row>
    <row r="158" spans="1:8" ht="30.75" customHeight="1" x14ac:dyDescent="0.2">
      <c r="A158" s="52">
        <v>79</v>
      </c>
      <c r="B158" s="39" t="s">
        <v>3612</v>
      </c>
      <c r="C158" s="40" t="s">
        <v>3256</v>
      </c>
      <c r="D158" s="39" t="s">
        <v>3613</v>
      </c>
      <c r="E158" s="39" t="s">
        <v>3614</v>
      </c>
      <c r="F158" s="39" t="s">
        <v>3615</v>
      </c>
      <c r="G158" s="39" t="s">
        <v>3606</v>
      </c>
      <c r="H158" s="41" t="s">
        <v>4711</v>
      </c>
    </row>
    <row r="159" spans="1:8" ht="30.75" customHeight="1" x14ac:dyDescent="0.2">
      <c r="A159" s="52"/>
      <c r="B159" s="43"/>
      <c r="C159" s="44"/>
      <c r="D159" s="43"/>
      <c r="E159" s="43"/>
      <c r="F159" s="43"/>
      <c r="G159" s="41" t="s">
        <v>4252</v>
      </c>
      <c r="H159" s="43"/>
    </row>
    <row r="160" spans="1:8" ht="30.75" customHeight="1" x14ac:dyDescent="0.2">
      <c r="A160" s="52">
        <v>80</v>
      </c>
      <c r="B160" s="39" t="s">
        <v>3616</v>
      </c>
      <c r="C160" s="40" t="s">
        <v>3256</v>
      </c>
      <c r="D160" s="39" t="s">
        <v>3603</v>
      </c>
      <c r="E160" s="39" t="s">
        <v>3617</v>
      </c>
      <c r="F160" s="39" t="s">
        <v>3618</v>
      </c>
      <c r="G160" s="39" t="s">
        <v>3611</v>
      </c>
      <c r="H160" s="41" t="s">
        <v>4709</v>
      </c>
    </row>
    <row r="161" spans="1:8" ht="30.75" customHeight="1" x14ac:dyDescent="0.2">
      <c r="A161" s="52"/>
      <c r="B161" s="43"/>
      <c r="C161" s="44"/>
      <c r="D161" s="43"/>
      <c r="E161" s="43"/>
      <c r="F161" s="43"/>
      <c r="G161" s="41" t="s">
        <v>4710</v>
      </c>
      <c r="H161" s="43"/>
    </row>
    <row r="162" spans="1:8" ht="30.75" customHeight="1" x14ac:dyDescent="0.2">
      <c r="A162" s="52">
        <v>82</v>
      </c>
      <c r="B162" s="39" t="s">
        <v>3619</v>
      </c>
      <c r="C162" s="40" t="s">
        <v>3256</v>
      </c>
      <c r="D162" s="39" t="s">
        <v>3620</v>
      </c>
      <c r="E162" s="39" t="s">
        <v>3621</v>
      </c>
      <c r="F162" s="39" t="s">
        <v>3622</v>
      </c>
      <c r="G162" s="39" t="s">
        <v>3623</v>
      </c>
      <c r="H162" s="41" t="s">
        <v>4712</v>
      </c>
    </row>
    <row r="163" spans="1:8" ht="30.75" customHeight="1" x14ac:dyDescent="0.2">
      <c r="A163" s="52"/>
      <c r="B163" s="43"/>
      <c r="C163" s="44"/>
      <c r="D163" s="43"/>
      <c r="E163" s="43"/>
      <c r="F163" s="43"/>
      <c r="G163" s="41" t="s">
        <v>4712</v>
      </c>
      <c r="H163" s="43"/>
    </row>
    <row r="164" spans="1:8" ht="30.75" customHeight="1" x14ac:dyDescent="0.2">
      <c r="A164" s="52">
        <v>83</v>
      </c>
      <c r="B164" s="39" t="s">
        <v>3624</v>
      </c>
      <c r="C164" s="40" t="s">
        <v>3592</v>
      </c>
      <c r="D164" s="39" t="s">
        <v>3625</v>
      </c>
      <c r="E164" s="39" t="s">
        <v>3626</v>
      </c>
      <c r="F164" s="39" t="s">
        <v>3627</v>
      </c>
      <c r="G164" s="39" t="s">
        <v>3628</v>
      </c>
      <c r="H164" s="41" t="s">
        <v>4713</v>
      </c>
    </row>
    <row r="165" spans="1:8" ht="30.75" customHeight="1" x14ac:dyDescent="0.2">
      <c r="A165" s="52"/>
      <c r="B165" s="43"/>
      <c r="C165" s="44"/>
      <c r="D165" s="43"/>
      <c r="E165" s="43"/>
      <c r="F165" s="43"/>
      <c r="G165" s="41" t="s">
        <v>4713</v>
      </c>
      <c r="H165" s="43"/>
    </row>
    <row r="166" spans="1:8" ht="30.75" customHeight="1" x14ac:dyDescent="0.2">
      <c r="A166" s="52">
        <v>84</v>
      </c>
      <c r="B166" s="39" t="s">
        <v>3629</v>
      </c>
      <c r="C166" s="40" t="s">
        <v>3256</v>
      </c>
      <c r="D166" s="39" t="s">
        <v>3630</v>
      </c>
      <c r="E166" s="39" t="s">
        <v>3631</v>
      </c>
      <c r="F166" s="39" t="s">
        <v>3632</v>
      </c>
      <c r="G166" s="39" t="s">
        <v>3633</v>
      </c>
      <c r="H166" s="41" t="s">
        <v>4714</v>
      </c>
    </row>
    <row r="167" spans="1:8" ht="30.75" customHeight="1" x14ac:dyDescent="0.2">
      <c r="A167" s="52"/>
      <c r="B167" s="43"/>
      <c r="C167" s="44"/>
      <c r="D167" s="43"/>
      <c r="E167" s="43"/>
      <c r="F167" s="43"/>
      <c r="G167" s="41" t="s">
        <v>4715</v>
      </c>
      <c r="H167" s="43"/>
    </row>
    <row r="168" spans="1:8" ht="30.75" customHeight="1" x14ac:dyDescent="0.2">
      <c r="B168" s="39" t="s">
        <v>4896</v>
      </c>
      <c r="C168" s="40" t="s">
        <v>3256</v>
      </c>
      <c r="D168" s="39" t="s">
        <v>3634</v>
      </c>
      <c r="E168" s="39" t="s">
        <v>3635</v>
      </c>
      <c r="F168" s="39" t="s">
        <v>3636</v>
      </c>
      <c r="G168" s="39" t="s">
        <v>3637</v>
      </c>
      <c r="H168" s="41" t="s">
        <v>4830</v>
      </c>
    </row>
    <row r="169" spans="1:8" ht="30.75" customHeight="1" x14ac:dyDescent="0.2">
      <c r="B169" s="43"/>
      <c r="C169" s="44"/>
      <c r="D169" s="43"/>
      <c r="E169" s="43"/>
      <c r="F169" s="43"/>
      <c r="G169" s="41" t="s">
        <v>3638</v>
      </c>
      <c r="H169" s="43"/>
    </row>
    <row r="170" spans="1:8" ht="30.75" customHeight="1" x14ac:dyDescent="0.2">
      <c r="B170" s="39" t="s">
        <v>3639</v>
      </c>
      <c r="C170" s="40" t="s">
        <v>3256</v>
      </c>
      <c r="D170" s="39" t="s">
        <v>2098</v>
      </c>
      <c r="E170" s="39" t="s">
        <v>3640</v>
      </c>
      <c r="F170" s="39" t="s">
        <v>3641</v>
      </c>
      <c r="G170" s="39" t="s">
        <v>3642</v>
      </c>
      <c r="H170" s="41" t="s">
        <v>4716</v>
      </c>
    </row>
    <row r="171" spans="1:8" ht="30.75" customHeight="1" x14ac:dyDescent="0.2">
      <c r="B171" s="43"/>
      <c r="C171" s="44"/>
      <c r="D171" s="43"/>
      <c r="E171" s="43"/>
      <c r="F171" s="43"/>
      <c r="G171" s="41" t="s">
        <v>4717</v>
      </c>
      <c r="H171" s="43"/>
    </row>
    <row r="172" spans="1:8" ht="30.75" customHeight="1" x14ac:dyDescent="0.2">
      <c r="B172" s="39" t="s">
        <v>3643</v>
      </c>
      <c r="C172" s="40" t="s">
        <v>3256</v>
      </c>
      <c r="D172" s="39" t="s">
        <v>3644</v>
      </c>
      <c r="E172" s="39" t="s">
        <v>3645</v>
      </c>
      <c r="F172" s="39" t="s">
        <v>3646</v>
      </c>
      <c r="G172" s="39" t="s">
        <v>3647</v>
      </c>
      <c r="H172" s="41" t="s">
        <v>4718</v>
      </c>
    </row>
    <row r="173" spans="1:8" ht="30.75" customHeight="1" x14ac:dyDescent="0.2">
      <c r="B173" s="43"/>
      <c r="C173" s="44"/>
      <c r="D173" s="43"/>
      <c r="E173" s="43"/>
      <c r="F173" s="43"/>
      <c r="G173" s="41" t="s">
        <v>4718</v>
      </c>
      <c r="H173" s="43"/>
    </row>
    <row r="174" spans="1:8" ht="30.75" customHeight="1" x14ac:dyDescent="0.2">
      <c r="B174" s="39" t="s">
        <v>3648</v>
      </c>
      <c r="C174" s="40" t="s">
        <v>3256</v>
      </c>
      <c r="D174" s="39" t="s">
        <v>3649</v>
      </c>
      <c r="E174" s="39" t="s">
        <v>3650</v>
      </c>
      <c r="F174" s="39" t="s">
        <v>3651</v>
      </c>
      <c r="G174" s="39" t="s">
        <v>3652</v>
      </c>
      <c r="H174" s="41" t="s">
        <v>4719</v>
      </c>
    </row>
    <row r="175" spans="1:8" ht="30.75" customHeight="1" x14ac:dyDescent="0.2">
      <c r="B175" s="43"/>
      <c r="C175" s="44"/>
      <c r="D175" s="43"/>
      <c r="E175" s="43"/>
      <c r="F175" s="43"/>
      <c r="G175" s="41" t="s">
        <v>4720</v>
      </c>
      <c r="H175" s="43"/>
    </row>
    <row r="176" spans="1:8" ht="30.75" customHeight="1" x14ac:dyDescent="0.2">
      <c r="B176" s="39" t="s">
        <v>3653</v>
      </c>
      <c r="C176" s="40" t="s">
        <v>3256</v>
      </c>
      <c r="D176" s="39" t="s">
        <v>3654</v>
      </c>
      <c r="E176" s="39" t="s">
        <v>3655</v>
      </c>
      <c r="F176" s="39" t="s">
        <v>3656</v>
      </c>
      <c r="G176" s="39" t="s">
        <v>3657</v>
      </c>
      <c r="H176" s="41" t="s">
        <v>4721</v>
      </c>
    </row>
    <row r="177" spans="2:8" ht="30.75" customHeight="1" x14ac:dyDescent="0.2">
      <c r="B177" s="43"/>
      <c r="C177" s="44"/>
      <c r="D177" s="43"/>
      <c r="E177" s="43"/>
      <c r="F177" s="43"/>
      <c r="G177" s="41" t="s">
        <v>4722</v>
      </c>
      <c r="H177" s="43"/>
    </row>
    <row r="178" spans="2:8" ht="30.75" customHeight="1" x14ac:dyDescent="0.2">
      <c r="B178" s="39" t="s">
        <v>3658</v>
      </c>
      <c r="C178" s="40" t="s">
        <v>3256</v>
      </c>
      <c r="D178" s="39" t="s">
        <v>3659</v>
      </c>
      <c r="E178" s="39" t="s">
        <v>3660</v>
      </c>
      <c r="F178" s="39" t="s">
        <v>3661</v>
      </c>
      <c r="G178" s="39" t="s">
        <v>3585</v>
      </c>
      <c r="H178" s="41" t="s">
        <v>4723</v>
      </c>
    </row>
    <row r="179" spans="2:8" ht="30.75" customHeight="1" x14ac:dyDescent="0.2">
      <c r="B179" s="43"/>
      <c r="C179" s="44"/>
      <c r="D179" s="43"/>
      <c r="E179" s="43"/>
      <c r="F179" s="43"/>
      <c r="G179" s="41" t="s">
        <v>4701</v>
      </c>
      <c r="H179" s="43"/>
    </row>
    <row r="180" spans="2:8" ht="30.75" customHeight="1" x14ac:dyDescent="0.2">
      <c r="B180" s="39" t="s">
        <v>3662</v>
      </c>
      <c r="C180" s="40" t="s">
        <v>3256</v>
      </c>
      <c r="D180" s="39" t="s">
        <v>3663</v>
      </c>
      <c r="E180" s="39" t="s">
        <v>3664</v>
      </c>
      <c r="F180" s="39" t="s">
        <v>3665</v>
      </c>
      <c r="G180" s="39" t="s">
        <v>3585</v>
      </c>
      <c r="H180" s="41" t="s">
        <v>4724</v>
      </c>
    </row>
    <row r="181" spans="2:8" ht="30.75" customHeight="1" x14ac:dyDescent="0.2">
      <c r="B181" s="43"/>
      <c r="C181" s="44"/>
      <c r="D181" s="43"/>
      <c r="E181" s="43"/>
      <c r="F181" s="43"/>
      <c r="G181" s="43" t="s">
        <v>4701</v>
      </c>
      <c r="H181" s="43"/>
    </row>
    <row r="182" spans="2:8" ht="30.75" customHeight="1" x14ac:dyDescent="0.2">
      <c r="B182" s="41" t="s">
        <v>3666</v>
      </c>
      <c r="C182" s="45" t="s">
        <v>3592</v>
      </c>
      <c r="D182" s="41" t="s">
        <v>3667</v>
      </c>
      <c r="E182" s="41" t="s">
        <v>3668</v>
      </c>
      <c r="F182" s="41" t="s">
        <v>3669</v>
      </c>
      <c r="G182" s="41" t="s">
        <v>3670</v>
      </c>
      <c r="H182" s="41" t="s">
        <v>4725</v>
      </c>
    </row>
    <row r="183" spans="2:8" ht="30.75" customHeight="1" x14ac:dyDescent="0.2">
      <c r="B183" s="43"/>
      <c r="C183" s="44"/>
      <c r="D183" s="43"/>
      <c r="E183" s="43"/>
      <c r="F183" s="43"/>
      <c r="G183" s="41" t="s">
        <v>4726</v>
      </c>
      <c r="H183" s="43"/>
    </row>
    <row r="184" spans="2:8" ht="30.75" customHeight="1" x14ac:dyDescent="0.2">
      <c r="B184" s="39" t="s">
        <v>3671</v>
      </c>
      <c r="C184" s="40" t="s">
        <v>3672</v>
      </c>
      <c r="D184" s="39" t="s">
        <v>2305</v>
      </c>
      <c r="E184" s="39" t="s">
        <v>3164</v>
      </c>
      <c r="F184" s="39" t="s">
        <v>3165</v>
      </c>
      <c r="G184" s="39" t="s">
        <v>3166</v>
      </c>
      <c r="H184" s="41" t="s">
        <v>4727</v>
      </c>
    </row>
    <row r="185" spans="2:8" ht="30.75" customHeight="1" x14ac:dyDescent="0.2">
      <c r="B185" s="43"/>
      <c r="C185" s="44"/>
      <c r="D185" s="43"/>
      <c r="E185" s="43"/>
      <c r="F185" s="43"/>
      <c r="G185" s="41" t="s">
        <v>4715</v>
      </c>
      <c r="H185" s="43"/>
    </row>
    <row r="186" spans="2:8" ht="30.75" customHeight="1" x14ac:dyDescent="0.2">
      <c r="B186" s="39" t="s">
        <v>3673</v>
      </c>
      <c r="C186" s="40" t="s">
        <v>3592</v>
      </c>
      <c r="D186" s="39" t="s">
        <v>3674</v>
      </c>
      <c r="E186" s="39" t="s">
        <v>3675</v>
      </c>
      <c r="F186" s="39" t="s">
        <v>3676</v>
      </c>
      <c r="G186" s="39" t="s">
        <v>3166</v>
      </c>
      <c r="H186" s="41" t="s">
        <v>4715</v>
      </c>
    </row>
    <row r="187" spans="2:8" ht="30.75" customHeight="1" x14ac:dyDescent="0.2">
      <c r="B187" s="43"/>
      <c r="C187" s="44"/>
      <c r="D187" s="43"/>
      <c r="E187" s="43"/>
      <c r="F187" s="43"/>
      <c r="G187" s="41" t="s">
        <v>4715</v>
      </c>
      <c r="H187" s="43"/>
    </row>
    <row r="188" spans="2:8" ht="30.75" customHeight="1" x14ac:dyDescent="0.2">
      <c r="B188" s="39" t="s">
        <v>3677</v>
      </c>
      <c r="C188" s="40" t="s">
        <v>3256</v>
      </c>
      <c r="D188" s="39" t="s">
        <v>3678</v>
      </c>
      <c r="E188" s="39" t="s">
        <v>3679</v>
      </c>
      <c r="F188" s="39" t="s">
        <v>3680</v>
      </c>
      <c r="G188" s="39" t="s">
        <v>3681</v>
      </c>
      <c r="H188" s="41" t="s">
        <v>4728</v>
      </c>
    </row>
    <row r="189" spans="2:8" ht="30.75" customHeight="1" x14ac:dyDescent="0.2">
      <c r="B189" s="43"/>
      <c r="C189" s="44"/>
      <c r="D189" s="43"/>
      <c r="E189" s="43"/>
      <c r="F189" s="43"/>
      <c r="G189" s="41" t="s">
        <v>4729</v>
      </c>
      <c r="H189" s="43"/>
    </row>
    <row r="190" spans="2:8" ht="30.75" customHeight="1" x14ac:dyDescent="0.2">
      <c r="B190" s="39" t="s">
        <v>3682</v>
      </c>
      <c r="C190" s="40" t="s">
        <v>3256</v>
      </c>
      <c r="D190" s="39" t="s">
        <v>3674</v>
      </c>
      <c r="E190" s="39" t="s">
        <v>3683</v>
      </c>
      <c r="F190" s="39" t="s">
        <v>3684</v>
      </c>
      <c r="G190" s="39" t="s">
        <v>3685</v>
      </c>
      <c r="H190" s="41" t="s">
        <v>4824</v>
      </c>
    </row>
    <row r="191" spans="2:8" ht="30.75" customHeight="1" x14ac:dyDescent="0.2">
      <c r="B191" s="43"/>
      <c r="C191" s="44"/>
      <c r="D191" s="43"/>
      <c r="E191" s="43"/>
      <c r="F191" s="43"/>
      <c r="G191" s="41" t="s">
        <v>4671</v>
      </c>
      <c r="H191" s="43"/>
    </row>
    <row r="192" spans="2:8" ht="30.75" customHeight="1" x14ac:dyDescent="0.2">
      <c r="B192" s="39" t="s">
        <v>3686</v>
      </c>
      <c r="C192" s="40" t="s">
        <v>3401</v>
      </c>
      <c r="D192" s="39" t="s">
        <v>2338</v>
      </c>
      <c r="E192" s="39" t="s">
        <v>3687</v>
      </c>
      <c r="F192" s="39" t="s">
        <v>3688</v>
      </c>
      <c r="G192" s="39" t="s">
        <v>3143</v>
      </c>
      <c r="H192" s="41" t="s">
        <v>4730</v>
      </c>
    </row>
    <row r="193" spans="2:8" ht="30.75" customHeight="1" x14ac:dyDescent="0.2">
      <c r="B193" s="43"/>
      <c r="C193" s="44"/>
      <c r="D193" s="43"/>
      <c r="E193" s="43"/>
      <c r="F193" s="43"/>
      <c r="G193" s="41" t="s">
        <v>4048</v>
      </c>
      <c r="H193" s="43"/>
    </row>
    <row r="194" spans="2:8" ht="30.75" customHeight="1" x14ac:dyDescent="0.2">
      <c r="B194" s="39" t="s">
        <v>3689</v>
      </c>
      <c r="C194" s="40" t="s">
        <v>3690</v>
      </c>
      <c r="D194" s="39" t="s">
        <v>2338</v>
      </c>
      <c r="E194" s="39" t="s">
        <v>3687</v>
      </c>
      <c r="F194" s="39" t="s">
        <v>3691</v>
      </c>
      <c r="G194" s="39" t="s">
        <v>3143</v>
      </c>
      <c r="H194" s="41" t="s">
        <v>4835</v>
      </c>
    </row>
    <row r="195" spans="2:8" ht="30.75" customHeight="1" x14ac:dyDescent="0.2">
      <c r="B195" s="43"/>
      <c r="C195" s="44"/>
      <c r="D195" s="43"/>
      <c r="E195" s="43"/>
      <c r="F195" s="43"/>
      <c r="G195" s="41" t="s">
        <v>4048</v>
      </c>
      <c r="H195" s="43"/>
    </row>
    <row r="196" spans="2:8" ht="30.75" customHeight="1" x14ac:dyDescent="0.2">
      <c r="B196" s="39" t="s">
        <v>3692</v>
      </c>
      <c r="C196" s="40" t="s">
        <v>3256</v>
      </c>
      <c r="D196" s="39" t="s">
        <v>3693</v>
      </c>
      <c r="E196" s="39" t="s">
        <v>3694</v>
      </c>
      <c r="F196" s="39" t="s">
        <v>3695</v>
      </c>
      <c r="G196" s="39" t="s">
        <v>3696</v>
      </c>
      <c r="H196" s="41" t="s">
        <v>4731</v>
      </c>
    </row>
    <row r="197" spans="2:8" ht="30.75" customHeight="1" x14ac:dyDescent="0.2">
      <c r="B197" s="43"/>
      <c r="C197" s="44"/>
      <c r="D197" s="43"/>
      <c r="E197" s="43"/>
      <c r="F197" s="43"/>
      <c r="G197" s="41" t="s">
        <v>4732</v>
      </c>
      <c r="H197" s="43"/>
    </row>
    <row r="198" spans="2:8" ht="30.75" customHeight="1" x14ac:dyDescent="0.2">
      <c r="B198" s="39" t="s">
        <v>3697</v>
      </c>
      <c r="C198" s="40" t="s">
        <v>3256</v>
      </c>
      <c r="D198" s="39" t="s">
        <v>3698</v>
      </c>
      <c r="E198" s="39" t="s">
        <v>3699</v>
      </c>
      <c r="F198" s="39" t="s">
        <v>3700</v>
      </c>
      <c r="G198" s="39" t="s">
        <v>3701</v>
      </c>
      <c r="H198" s="41" t="s">
        <v>3702</v>
      </c>
    </row>
    <row r="199" spans="2:8" ht="30.75" customHeight="1" x14ac:dyDescent="0.2">
      <c r="B199" s="43"/>
      <c r="C199" s="44"/>
      <c r="D199" s="43"/>
      <c r="E199" s="43"/>
      <c r="F199" s="43"/>
      <c r="G199" s="43" t="s">
        <v>3702</v>
      </c>
      <c r="H199" s="43"/>
    </row>
    <row r="200" spans="2:8" ht="30.75" customHeight="1" x14ac:dyDescent="0.2">
      <c r="B200" s="39" t="s">
        <v>3703</v>
      </c>
      <c r="C200" s="40" t="s">
        <v>3256</v>
      </c>
      <c r="D200" s="39" t="s">
        <v>3698</v>
      </c>
      <c r="E200" s="39" t="s">
        <v>3699</v>
      </c>
      <c r="F200" s="39" t="s">
        <v>3700</v>
      </c>
      <c r="G200" s="39" t="s">
        <v>3701</v>
      </c>
      <c r="H200" s="41" t="s">
        <v>3702</v>
      </c>
    </row>
    <row r="201" spans="2:8" ht="30.75" customHeight="1" x14ac:dyDescent="0.2">
      <c r="B201" s="43"/>
      <c r="C201" s="44"/>
      <c r="D201" s="43"/>
      <c r="E201" s="43"/>
      <c r="F201" s="43"/>
      <c r="G201" s="41" t="s">
        <v>3702</v>
      </c>
      <c r="H201" s="43"/>
    </row>
    <row r="202" spans="2:8" ht="30.75" customHeight="1" x14ac:dyDescent="0.2">
      <c r="B202" s="39" t="s">
        <v>3704</v>
      </c>
      <c r="C202" s="40" t="s">
        <v>3401</v>
      </c>
      <c r="D202" s="39" t="s">
        <v>3705</v>
      </c>
      <c r="E202" s="39" t="s">
        <v>3706</v>
      </c>
      <c r="F202" s="39" t="s">
        <v>3707</v>
      </c>
      <c r="G202" s="39" t="s">
        <v>3708</v>
      </c>
      <c r="H202" s="41" t="s">
        <v>3709</v>
      </c>
    </row>
    <row r="203" spans="2:8" ht="30.75" customHeight="1" x14ac:dyDescent="0.2">
      <c r="B203" s="43"/>
      <c r="C203" s="44"/>
      <c r="D203" s="43"/>
      <c r="E203" s="43"/>
      <c r="F203" s="43"/>
      <c r="G203" s="47" t="s">
        <v>3710</v>
      </c>
      <c r="H203" s="43"/>
    </row>
    <row r="204" spans="2:8" ht="30.75" customHeight="1" x14ac:dyDescent="0.2">
      <c r="B204" s="39" t="s">
        <v>3711</v>
      </c>
      <c r="C204" s="40" t="s">
        <v>3262</v>
      </c>
      <c r="D204" s="39" t="s">
        <v>3712</v>
      </c>
      <c r="E204" s="39" t="s">
        <v>3713</v>
      </c>
      <c r="F204" s="39" t="s">
        <v>3714</v>
      </c>
      <c r="G204" s="39" t="s">
        <v>3715</v>
      </c>
      <c r="H204" s="39" t="s">
        <v>3716</v>
      </c>
    </row>
    <row r="205" spans="2:8" ht="30.75" customHeight="1" x14ac:dyDescent="0.2">
      <c r="B205" s="43"/>
      <c r="C205" s="44"/>
      <c r="D205" s="43"/>
      <c r="E205" s="43"/>
      <c r="F205" s="43"/>
      <c r="G205" s="43" t="s">
        <v>3717</v>
      </c>
      <c r="H205" s="43"/>
    </row>
    <row r="206" spans="2:8" ht="30.75" customHeight="1" x14ac:dyDescent="0.2">
      <c r="B206" s="39" t="s">
        <v>4845</v>
      </c>
      <c r="C206" s="40" t="s">
        <v>3472</v>
      </c>
      <c r="D206" s="39" t="s">
        <v>3598</v>
      </c>
      <c r="E206" s="39" t="s">
        <v>4846</v>
      </c>
      <c r="F206" s="39" t="s">
        <v>4847</v>
      </c>
      <c r="G206" s="39" t="s">
        <v>4848</v>
      </c>
      <c r="H206" s="39" t="s">
        <v>4850</v>
      </c>
    </row>
    <row r="207" spans="2:8" ht="30.75" customHeight="1" x14ac:dyDescent="0.2">
      <c r="B207" s="43"/>
      <c r="C207" s="44"/>
      <c r="D207" s="43"/>
      <c r="E207" s="43"/>
      <c r="F207" s="43"/>
      <c r="G207" s="43" t="s">
        <v>4849</v>
      </c>
      <c r="H207" s="43"/>
    </row>
  </sheetData>
  <mergeCells count="83">
    <mergeCell ref="A166:A167"/>
    <mergeCell ref="A146:A147"/>
    <mergeCell ref="A148:A149"/>
    <mergeCell ref="A150:A151"/>
    <mergeCell ref="A152:A153"/>
    <mergeCell ref="A154:A155"/>
    <mergeCell ref="A156:A157"/>
    <mergeCell ref="A158:A159"/>
    <mergeCell ref="A160:A161"/>
    <mergeCell ref="A162:A163"/>
    <mergeCell ref="A164:A165"/>
    <mergeCell ref="A144:A145"/>
    <mergeCell ref="A122:A123"/>
    <mergeCell ref="A124:A125"/>
    <mergeCell ref="A126:A127"/>
    <mergeCell ref="A128:A129"/>
    <mergeCell ref="A130:A131"/>
    <mergeCell ref="A132:A133"/>
    <mergeCell ref="A134:A135"/>
    <mergeCell ref="A136:A137"/>
    <mergeCell ref="A138:A139"/>
    <mergeCell ref="A140:A141"/>
    <mergeCell ref="A142:A143"/>
    <mergeCell ref="A120:A121"/>
    <mergeCell ref="A98:A99"/>
    <mergeCell ref="A100:A101"/>
    <mergeCell ref="A102:A103"/>
    <mergeCell ref="A104:A105"/>
    <mergeCell ref="A106:A107"/>
    <mergeCell ref="A108:A109"/>
    <mergeCell ref="A110:A111"/>
    <mergeCell ref="A112:A113"/>
    <mergeCell ref="A114:A115"/>
    <mergeCell ref="A116:A117"/>
    <mergeCell ref="A118:A119"/>
    <mergeCell ref="A96:A97"/>
    <mergeCell ref="A74:A75"/>
    <mergeCell ref="A76:A77"/>
    <mergeCell ref="A78:A79"/>
    <mergeCell ref="A80:A81"/>
    <mergeCell ref="A82:A83"/>
    <mergeCell ref="A84:A85"/>
    <mergeCell ref="A86:A87"/>
    <mergeCell ref="A88:A89"/>
    <mergeCell ref="A90:A91"/>
    <mergeCell ref="A92:A93"/>
    <mergeCell ref="A94:A95"/>
    <mergeCell ref="A72:A73"/>
    <mergeCell ref="A50:A51"/>
    <mergeCell ref="A52:A53"/>
    <mergeCell ref="A54:A55"/>
    <mergeCell ref="A56:A57"/>
    <mergeCell ref="A58:A59"/>
    <mergeCell ref="A60:A61"/>
    <mergeCell ref="A62:A63"/>
    <mergeCell ref="A64:A65"/>
    <mergeCell ref="A66:A67"/>
    <mergeCell ref="A68:A69"/>
    <mergeCell ref="A70:A71"/>
    <mergeCell ref="A48:A49"/>
    <mergeCell ref="A26:A27"/>
    <mergeCell ref="A28:A29"/>
    <mergeCell ref="A30:A31"/>
    <mergeCell ref="A32:A33"/>
    <mergeCell ref="A34:A35"/>
    <mergeCell ref="A36:A37"/>
    <mergeCell ref="A38:A39"/>
    <mergeCell ref="A40:A41"/>
    <mergeCell ref="A42:A43"/>
    <mergeCell ref="A44:A45"/>
    <mergeCell ref="A46:A47"/>
    <mergeCell ref="A24:A25"/>
    <mergeCell ref="A2:A3"/>
    <mergeCell ref="A4:A5"/>
    <mergeCell ref="A6:A7"/>
    <mergeCell ref="A8:A9"/>
    <mergeCell ref="A10:A11"/>
    <mergeCell ref="A12:A13"/>
    <mergeCell ref="A14:A15"/>
    <mergeCell ref="A16:A17"/>
    <mergeCell ref="A18:A19"/>
    <mergeCell ref="A20:A21"/>
    <mergeCell ref="A22:A23"/>
  </mergeCells>
  <phoneticPr fontId="1"/>
  <printOptions horizontalCentered="1"/>
  <pageMargins left="0.6692913385826772" right="0.59055118110236227" top="0.59055118110236227" bottom="0.51181102362204722" header="0.31496062992125984" footer="0.31496062992125984"/>
  <pageSetup paperSize="9" scale="56" fitToHeight="0" orientation="portrait" r:id="rId1"/>
  <headerFooter alignWithMargins="0">
    <oddHeader>&amp;A</oddHeader>
    <oddFooter>&amp;P / &amp;N ページ</oddFooter>
  </headerFooter>
  <rowBreaks count="3" manualBreakCount="3">
    <brk id="47" min="1" max="7" man="1"/>
    <brk id="93" min="1" max="7" man="1"/>
    <brk id="185" min="1" max="7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pageSetUpPr fitToPage="1"/>
  </sheetPr>
  <dimension ref="A1:F23"/>
  <sheetViews>
    <sheetView view="pageBreakPreview" zoomScale="70" zoomScaleNormal="75" zoomScaleSheetLayoutView="70" workbookViewId="0">
      <pane xSplit="2" ySplit="1" topLeftCell="C2" activePane="bottomRight" state="frozen"/>
      <selection activeCell="P8" sqref="P8"/>
      <selection pane="topRight" activeCell="P8" sqref="P8"/>
      <selection pane="bottomLeft" activeCell="P8" sqref="P8"/>
      <selection pane="bottomRight" sqref="A1:XFD1048576"/>
    </sheetView>
  </sheetViews>
  <sheetFormatPr defaultColWidth="9" defaultRowHeight="34.5" customHeight="1" x14ac:dyDescent="0.2"/>
  <cols>
    <col min="1" max="1" width="24.8984375" style="19" customWidth="1"/>
    <col min="2" max="2" width="11.5" style="19" customWidth="1"/>
    <col min="3" max="3" width="28.5" style="19" customWidth="1"/>
    <col min="4" max="4" width="13.5" style="19" customWidth="1"/>
    <col min="5" max="5" width="25.3984375" style="19" customWidth="1"/>
    <col min="6" max="6" width="27.5" style="19" customWidth="1"/>
    <col min="7" max="16384" width="9" style="19"/>
  </cols>
  <sheetData>
    <row r="1" spans="1:6" s="32" customFormat="1" ht="34.5" customHeight="1" x14ac:dyDescent="0.2">
      <c r="A1" s="17" t="s">
        <v>2614</v>
      </c>
      <c r="B1" s="17" t="s">
        <v>1</v>
      </c>
      <c r="C1" s="17" t="s">
        <v>2</v>
      </c>
      <c r="D1" s="17" t="s">
        <v>3</v>
      </c>
      <c r="E1" s="37" t="s">
        <v>4</v>
      </c>
      <c r="F1" s="17" t="s">
        <v>2729</v>
      </c>
    </row>
    <row r="2" spans="1:6" ht="26.4" x14ac:dyDescent="0.2">
      <c r="A2" s="18" t="s">
        <v>3189</v>
      </c>
      <c r="B2" s="18" t="s">
        <v>3190</v>
      </c>
      <c r="C2" s="18" t="s">
        <v>3191</v>
      </c>
      <c r="D2" s="18" t="s">
        <v>3192</v>
      </c>
      <c r="E2" s="18" t="s">
        <v>3193</v>
      </c>
      <c r="F2" s="41" t="s">
        <v>4733</v>
      </c>
    </row>
    <row r="3" spans="1:6" ht="18" customHeight="1" x14ac:dyDescent="0.2">
      <c r="A3" s="20"/>
      <c r="B3" s="20"/>
      <c r="C3" s="20"/>
      <c r="D3" s="20"/>
      <c r="E3" s="41" t="s">
        <v>4734</v>
      </c>
      <c r="F3" s="20"/>
    </row>
    <row r="4" spans="1:6" ht="25.2" customHeight="1" x14ac:dyDescent="0.2">
      <c r="A4" s="18" t="s">
        <v>3194</v>
      </c>
      <c r="B4" s="18" t="s">
        <v>2622</v>
      </c>
      <c r="C4" s="18" t="s">
        <v>3195</v>
      </c>
      <c r="D4" s="18" t="s">
        <v>3196</v>
      </c>
      <c r="E4" s="18" t="s">
        <v>3197</v>
      </c>
      <c r="F4" s="41" t="s">
        <v>3230</v>
      </c>
    </row>
    <row r="5" spans="1:6" ht="18" customHeight="1" x14ac:dyDescent="0.2">
      <c r="A5" s="20"/>
      <c r="B5" s="20"/>
      <c r="C5" s="20"/>
      <c r="D5" s="20"/>
      <c r="E5" s="41" t="s">
        <v>3230</v>
      </c>
      <c r="F5" s="20"/>
    </row>
    <row r="6" spans="1:6" ht="25.2" customHeight="1" x14ac:dyDescent="0.2">
      <c r="A6" s="18" t="s">
        <v>3198</v>
      </c>
      <c r="B6" s="18" t="s">
        <v>2622</v>
      </c>
      <c r="C6" s="18" t="s">
        <v>3195</v>
      </c>
      <c r="D6" s="18" t="s">
        <v>3199</v>
      </c>
      <c r="E6" s="18" t="s">
        <v>3197</v>
      </c>
      <c r="F6" s="41" t="s">
        <v>4836</v>
      </c>
    </row>
    <row r="7" spans="1:6" ht="18" customHeight="1" x14ac:dyDescent="0.2">
      <c r="A7" s="20"/>
      <c r="B7" s="20"/>
      <c r="C7" s="20"/>
      <c r="D7" s="20"/>
      <c r="E7" s="41" t="s">
        <v>3230</v>
      </c>
      <c r="F7" s="20"/>
    </row>
    <row r="8" spans="1:6" ht="26.4" x14ac:dyDescent="0.2">
      <c r="A8" s="18" t="s">
        <v>3200</v>
      </c>
      <c r="B8" s="18" t="s">
        <v>3201</v>
      </c>
      <c r="C8" s="18" t="s">
        <v>3202</v>
      </c>
      <c r="D8" s="18" t="s">
        <v>3203</v>
      </c>
      <c r="E8" s="18" t="s">
        <v>3204</v>
      </c>
      <c r="F8" s="41" t="s">
        <v>4735</v>
      </c>
    </row>
    <row r="9" spans="1:6" ht="18" customHeight="1" x14ac:dyDescent="0.2">
      <c r="A9" s="20"/>
      <c r="B9" s="20"/>
      <c r="C9" s="20"/>
      <c r="D9" s="20"/>
      <c r="E9" s="41" t="s">
        <v>4736</v>
      </c>
      <c r="F9" s="20"/>
    </row>
    <row r="10" spans="1:6" ht="26.4" x14ac:dyDescent="0.2">
      <c r="A10" s="18" t="s">
        <v>3205</v>
      </c>
      <c r="B10" s="18" t="s">
        <v>3206</v>
      </c>
      <c r="C10" s="18" t="s">
        <v>3207</v>
      </c>
      <c r="D10" s="18" t="s">
        <v>3208</v>
      </c>
      <c r="E10" s="18" t="s">
        <v>3209</v>
      </c>
      <c r="F10" s="41" t="s">
        <v>4837</v>
      </c>
    </row>
    <row r="11" spans="1:6" ht="27" customHeight="1" x14ac:dyDescent="0.2">
      <c r="A11" s="20"/>
      <c r="B11" s="20"/>
      <c r="C11" s="20"/>
      <c r="D11" s="20"/>
      <c r="E11" s="41" t="s">
        <v>4737</v>
      </c>
      <c r="F11" s="20"/>
    </row>
    <row r="12" spans="1:6" ht="25.2" customHeight="1" x14ac:dyDescent="0.2">
      <c r="A12" s="18" t="s">
        <v>3210</v>
      </c>
      <c r="B12" s="18" t="s">
        <v>3211</v>
      </c>
      <c r="C12" s="18" t="s">
        <v>3212</v>
      </c>
      <c r="D12" s="18" t="s">
        <v>3213</v>
      </c>
      <c r="E12" s="18" t="s">
        <v>3214</v>
      </c>
      <c r="F12" s="41" t="s">
        <v>4738</v>
      </c>
    </row>
    <row r="13" spans="1:6" ht="18" customHeight="1" x14ac:dyDescent="0.2">
      <c r="A13" s="20"/>
      <c r="B13" s="20"/>
      <c r="C13" s="20"/>
      <c r="D13" s="20"/>
      <c r="E13" s="41" t="s">
        <v>4739</v>
      </c>
      <c r="F13" s="20"/>
    </row>
    <row r="14" spans="1:6" ht="25.2" customHeight="1" x14ac:dyDescent="0.2">
      <c r="A14" s="18" t="s">
        <v>3215</v>
      </c>
      <c r="B14" s="18" t="s">
        <v>221</v>
      </c>
      <c r="C14" s="18" t="s">
        <v>3216</v>
      </c>
      <c r="D14" s="18" t="s">
        <v>3217</v>
      </c>
      <c r="E14" s="18" t="s">
        <v>3218</v>
      </c>
      <c r="F14" s="41" t="s">
        <v>4740</v>
      </c>
    </row>
    <row r="15" spans="1:6" ht="18" customHeight="1" x14ac:dyDescent="0.2">
      <c r="A15" s="20"/>
      <c r="B15" s="20"/>
      <c r="C15" s="20"/>
      <c r="D15" s="20"/>
      <c r="E15" s="41" t="s">
        <v>4741</v>
      </c>
      <c r="F15" s="20"/>
    </row>
    <row r="16" spans="1:6" ht="25.2" customHeight="1" x14ac:dyDescent="0.2">
      <c r="A16" s="18" t="s">
        <v>4838</v>
      </c>
      <c r="B16" s="18" t="s">
        <v>4839</v>
      </c>
      <c r="C16" s="18" t="s">
        <v>4840</v>
      </c>
      <c r="D16" s="18" t="s">
        <v>4841</v>
      </c>
      <c r="E16" s="18" t="s">
        <v>4842</v>
      </c>
      <c r="F16" s="41" t="s">
        <v>4844</v>
      </c>
    </row>
    <row r="17" spans="1:6" ht="18" customHeight="1" x14ac:dyDescent="0.2">
      <c r="A17" s="20"/>
      <c r="B17" s="20"/>
      <c r="C17" s="20"/>
      <c r="D17" s="20"/>
      <c r="E17" s="43" t="s">
        <v>4843</v>
      </c>
      <c r="F17" s="20"/>
    </row>
    <row r="18" spans="1:6" ht="25.2" customHeight="1" x14ac:dyDescent="0.2">
      <c r="A18" s="18" t="s">
        <v>3219</v>
      </c>
      <c r="B18" s="18" t="s">
        <v>3220</v>
      </c>
      <c r="C18" s="18" t="s">
        <v>3221</v>
      </c>
      <c r="D18" s="18" t="s">
        <v>3222</v>
      </c>
      <c r="E18" s="18" t="s">
        <v>3223</v>
      </c>
      <c r="F18" s="41" t="s">
        <v>4742</v>
      </c>
    </row>
    <row r="19" spans="1:6" ht="18" customHeight="1" x14ac:dyDescent="0.2">
      <c r="A19" s="20"/>
      <c r="B19" s="20"/>
      <c r="C19" s="20"/>
      <c r="D19" s="20"/>
      <c r="E19" s="48" t="s">
        <v>3224</v>
      </c>
      <c r="F19" s="20"/>
    </row>
    <row r="20" spans="1:6" ht="25.2" customHeight="1" x14ac:dyDescent="0.2">
      <c r="A20" s="18" t="s">
        <v>3225</v>
      </c>
      <c r="B20" s="18" t="s">
        <v>3226</v>
      </c>
      <c r="C20" s="18" t="s">
        <v>3227</v>
      </c>
      <c r="D20" s="18" t="s">
        <v>3228</v>
      </c>
      <c r="E20" s="18" t="s">
        <v>3197</v>
      </c>
      <c r="F20" s="41" t="s">
        <v>3229</v>
      </c>
    </row>
    <row r="21" spans="1:6" ht="18" customHeight="1" x14ac:dyDescent="0.2">
      <c r="A21" s="20"/>
      <c r="B21" s="20"/>
      <c r="C21" s="20"/>
      <c r="D21" s="20"/>
      <c r="E21" s="41" t="s">
        <v>3230</v>
      </c>
      <c r="F21" s="20"/>
    </row>
    <row r="22" spans="1:6" ht="25.2" customHeight="1" x14ac:dyDescent="0.2">
      <c r="A22" s="18" t="s">
        <v>3231</v>
      </c>
      <c r="B22" s="18" t="s">
        <v>1263</v>
      </c>
      <c r="C22" s="18" t="s">
        <v>3232</v>
      </c>
      <c r="D22" s="18" t="s">
        <v>3233</v>
      </c>
      <c r="E22" s="18" t="s">
        <v>3197</v>
      </c>
      <c r="F22" s="41" t="s">
        <v>4852</v>
      </c>
    </row>
    <row r="23" spans="1:6" ht="18" customHeight="1" x14ac:dyDescent="0.2">
      <c r="A23" s="20"/>
      <c r="B23" s="20"/>
      <c r="C23" s="20"/>
      <c r="D23" s="20"/>
      <c r="E23" s="43" t="s">
        <v>3230</v>
      </c>
      <c r="F23" s="20"/>
    </row>
  </sheetData>
  <phoneticPr fontId="1"/>
  <printOptions horizontalCentered="1"/>
  <pageMargins left="0.6692913385826772" right="0.59055118110236227" top="0.59055118110236227" bottom="0.51181102362204722" header="0.31496062992125984" footer="0.31496062992125984"/>
  <pageSetup paperSize="9" scale="62" fitToHeight="0" orientation="portrait" r:id="rId1"/>
  <headerFooter alignWithMargins="0">
    <oddHeader>&amp;A</oddHead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2</vt:i4>
      </vt:variant>
    </vt:vector>
  </HeadingPairs>
  <TitlesOfParts>
    <vt:vector size="21" baseType="lpstr">
      <vt:lpstr>幼稚園</vt:lpstr>
      <vt:lpstr>小学校</vt:lpstr>
      <vt:lpstr>中学校</vt:lpstr>
      <vt:lpstr>義務教育学校</vt:lpstr>
      <vt:lpstr>高等学校</vt:lpstr>
      <vt:lpstr>中等教育学校</vt:lpstr>
      <vt:lpstr>特別支援学校</vt:lpstr>
      <vt:lpstr>専修学校</vt:lpstr>
      <vt:lpstr>各種学校</vt:lpstr>
      <vt:lpstr>各種学校!Print_Area</vt:lpstr>
      <vt:lpstr>義務教育学校!Print_Area</vt:lpstr>
      <vt:lpstr>高等学校!Print_Area</vt:lpstr>
      <vt:lpstr>専修学校!Print_Area</vt:lpstr>
      <vt:lpstr>中学校!Print_Area</vt:lpstr>
      <vt:lpstr>中等教育学校!Print_Area</vt:lpstr>
      <vt:lpstr>幼稚園!Print_Area</vt:lpstr>
      <vt:lpstr>高等学校!Print_Titles</vt:lpstr>
      <vt:lpstr>小学校!Print_Titles</vt:lpstr>
      <vt:lpstr>専修学校!Print_Titles</vt:lpstr>
      <vt:lpstr>中学校!Print_Titles</vt:lpstr>
      <vt:lpstr>幼稚園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5-29T07:27:12Z</cp:lastPrinted>
  <dcterms:created xsi:type="dcterms:W3CDTF">2025-05-19T09:51:38Z</dcterms:created>
  <dcterms:modified xsi:type="dcterms:W3CDTF">2026-07-02T23:36:17Z</dcterms:modified>
</cp:coreProperties>
</file>